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970730\Desktop\"/>
    </mc:Choice>
  </mc:AlternateContent>
  <bookViews>
    <workbookView xWindow="0" yWindow="0" windowWidth="28800" windowHeight="11910" tabRatio="898"/>
  </bookViews>
  <sheets>
    <sheet name="【受領委任】申請書" sheetId="7" r:id="rId1"/>
    <sheet name="【受領委任】申請書裏面" sheetId="5" r:id="rId2"/>
  </sheets>
  <externalReferences>
    <externalReference r:id="rId3"/>
    <externalReference r:id="rId4"/>
  </externalReferences>
  <definedNames>
    <definedName name="_ADR1">#REF!</definedName>
    <definedName name="_del1">#REF!</definedName>
    <definedName name="_del2">#REF!</definedName>
    <definedName name="_KU1">#REF!</definedName>
    <definedName name="_NAI1">#REF!</definedName>
    <definedName name="_NAI2">#REF!</definedName>
    <definedName name="ATENA">#REF!</definedName>
    <definedName name="bar">#REF!</definedName>
    <definedName name="BIRTHDD">#REF!</definedName>
    <definedName name="BIRTHDD1">#REF!</definedName>
    <definedName name="BIRTHGG">#REF!</definedName>
    <definedName name="BIRTHGG1">#REF!</definedName>
    <definedName name="BIRTHMM">#REF!</definedName>
    <definedName name="BIRTHMM1">#REF!</definedName>
    <definedName name="BIRTHYY">#REF!</definedName>
    <definedName name="BIRTHYY1">#REF!</definedName>
    <definedName name="BUNKENNO">#REF!</definedName>
    <definedName name="BUNKENNO1">#REF!</definedName>
    <definedName name="BUSYO1">#REF!</definedName>
    <definedName name="BUSYO2">#REF!</definedName>
    <definedName name="GAIJI">#REF!</definedName>
    <definedName name="GENADR1">#REF!</definedName>
    <definedName name="GENADR2">#REF!</definedName>
    <definedName name="GENGOU1">#REF!</definedName>
    <definedName name="GENGOU2">#REF!</definedName>
    <definedName name="KAIGO_NO">#REF!</definedName>
    <definedName name="KAIGO_NO1">#REF!</definedName>
    <definedName name="KANRINO">#REF!</definedName>
    <definedName name="KOME1">#REF!</definedName>
    <definedName name="KUADR1">#REF!</definedName>
    <definedName name="KUADR2">#REF!</definedName>
    <definedName name="KUMEI">#REF!</definedName>
    <definedName name="KUMEI2">#REF!</definedName>
    <definedName name="KUMEI3">#REF!</definedName>
    <definedName name="MAEADR">#REF!</definedName>
    <definedName name="MAEADR1">#REF!</definedName>
    <definedName name="MAEADR2">#REF!</definedName>
    <definedName name="POST">#REF!</definedName>
    <definedName name="_xlnm.Print_Area" localSheetId="0">【受領委任】申請書!$A$1:$BI$60</definedName>
    <definedName name="_xlnm.Print_Area" localSheetId="1">【受領委任】申請書裏面!$A$1:$BB$46</definedName>
    <definedName name="R_A_FUTAN_NO">#REF!</definedName>
    <definedName name="R_A_FUTAN_NO_T">#REF!</definedName>
    <definedName name="R_A_JUKYU_NO">#REF!</definedName>
    <definedName name="R_A_JUKYU_NO_T">#REF!</definedName>
    <definedName name="R_A_SHO_Kyojuhi_gendogk_T">#REF!</definedName>
    <definedName name="R_A_SHO_Kyojuhi_gendogk_T1">#REF!</definedName>
    <definedName name="R_A_SHO_Kyojuhi_gendogk_T2">#REF!</definedName>
    <definedName name="R_A_SHO_Kyojuhi_gendogk_T3">#REF!</definedName>
    <definedName name="R_A_SHO_Kyojuhi_gendogk1">#REF!</definedName>
    <definedName name="R_A_SHO_Kyojuhi_gendogk2">#REF!</definedName>
    <definedName name="R_A_SHO_Kyojuhi_gendogk3">#REF!</definedName>
    <definedName name="R_A_SHO_Kyojuhi_T">#REF!</definedName>
    <definedName name="R_A_SHO_Shokuji_gendogk">#REF!</definedName>
    <definedName name="R_A_SHO_Shokuji_gendogk_T">#REF!</definedName>
    <definedName name="R_A_SHO_YUKO_ED">#REF!</definedName>
    <definedName name="R_A_SHO_YUKO_ED_T">#REF!</definedName>
    <definedName name="R_A_SHO_YUKO_ED1">#REF!</definedName>
    <definedName name="R_A_SHO_YUKO_ED2">#REF!</definedName>
    <definedName name="R_A_SHO_YUKO_KIKAN_T1">#REF!</definedName>
    <definedName name="R_A_SHO_YUKO_KIKAN_T2">#REF!</definedName>
    <definedName name="R_A_SHO_YUKO_ST">#REF!</definedName>
    <definedName name="R_A_SHO_YUKO_ST_T">#REF!</definedName>
    <definedName name="R_A_SHO_YUKO_ST1">#REF!</definedName>
    <definedName name="R_A_SHO_YUKO_ST2">#REF!</definedName>
    <definedName name="R_A_TOKUTAI">#REF!</definedName>
    <definedName name="R_A_TOKUTAI_T">#REF!</definedName>
    <definedName name="R_A_VALUE">#REF!</definedName>
    <definedName name="R_A_VALUE_T">#REF!</definedName>
    <definedName name="R_B_FUTAN_NO">#REF!</definedName>
    <definedName name="R_B_FUTAN_NO_T">#REF!</definedName>
    <definedName name="R_B_JUKYU_NO">#REF!</definedName>
    <definedName name="R_B_JUKYU_NO_T">#REF!</definedName>
    <definedName name="R_B_SHO_Kyojuhi_gendogk_T">#REF!</definedName>
    <definedName name="R_B_SHO_Kyojuhi_gendogk_T1">#REF!</definedName>
    <definedName name="R_B_SHO_Kyojuhi_gendogk_T2">#REF!</definedName>
    <definedName name="R_B_SHO_Kyojuhi_gendogk_T3">#REF!</definedName>
    <definedName name="R_B_SHO_Kyojuhi_gendogk1">#REF!</definedName>
    <definedName name="R_B_SHO_Kyojuhi_gendogk2">#REF!</definedName>
    <definedName name="R_B_SHO_Kyojuhi_gendogk3">#REF!</definedName>
    <definedName name="R_B_SHO_Kyojuhi_T">#REF!</definedName>
    <definedName name="R_B_SHO_Shokuji_gendogk">#REF!</definedName>
    <definedName name="R_B_SHO_Shokuji_gendogk_T">#REF!</definedName>
    <definedName name="R_B_SHO_YUKO_ED">#REF!</definedName>
    <definedName name="R_B_SHO_YUKO_ED_T">#REF!</definedName>
    <definedName name="R_B_SHO_YUKO_ED1">#REF!</definedName>
    <definedName name="R_B_SHO_YUKO_ED2">#REF!</definedName>
    <definedName name="R_B_SHO_YUKO_KIKAN_T1">#REF!</definedName>
    <definedName name="R_B_SHO_YUKO_KIKAN_T2">#REF!</definedName>
    <definedName name="R_B_SHO_YUKO_ST">#REF!</definedName>
    <definedName name="R_B_SHO_YUKO_ST_T">#REF!</definedName>
    <definedName name="R_B_SHO_YUKO_ST1">#REF!</definedName>
    <definedName name="R_B_SHO_YUKO_ST2">#REF!</definedName>
    <definedName name="R_B_TOKUTAI">#REF!</definedName>
    <definedName name="R_B_TOKUTAI_T">#REF!</definedName>
    <definedName name="R_B_VALUE">#REF!</definedName>
    <definedName name="R_B_VALUE_T">#REF!</definedName>
    <definedName name="R_CHIKU_CASE_NO">#REF!</definedName>
    <definedName name="R_HYODAI_DOWN">#REF!</definedName>
    <definedName name="R_HYODAI_UP">#REF!</definedName>
    <definedName name="R_KORON1">#REF!</definedName>
    <definedName name="R_KORON10">#REF!</definedName>
    <definedName name="R_KORON11">#REF!</definedName>
    <definedName name="R_KORON12">#REF!</definedName>
    <definedName name="R_KORON2">#REF!</definedName>
    <definedName name="R_KORON3">#REF!</definedName>
    <definedName name="R_KORON4">#REF!</definedName>
    <definedName name="R_KORON5">#REF!</definedName>
    <definedName name="R_KORON6">#REF!</definedName>
    <definedName name="R_KORON7">#REF!</definedName>
    <definedName name="R_KORON8">#REF!</definedName>
    <definedName name="R_KORON9">#REF!</definedName>
    <definedName name="R_MONGON">#REF!</definedName>
    <definedName name="R_RIYU">#REF!</definedName>
    <definedName name="R_RIYU_T">#REF!</definedName>
    <definedName name="R_SHO_FUTAN_NO">#REF!</definedName>
    <definedName name="R_SHO_FUTAN_NO_T">#REF!</definedName>
    <definedName name="R_SHO_JUKYU_NO">#REF!</definedName>
    <definedName name="R_SHO_JUKYU_NO_T">#REF!</definedName>
    <definedName name="R_SHO_TOKUTAI">#REF!</definedName>
    <definedName name="R_SHO_TOKUTAI_T">#REF!</definedName>
    <definedName name="R_SHO_YUKO_ED">#REF!</definedName>
    <definedName name="R_SHO_YUKO_ED_T">#REF!</definedName>
    <definedName name="R_SHO_YUKO_ST">#REF!</definedName>
    <definedName name="R_SHO_YUKO_ST_T">#REF!</definedName>
    <definedName name="R_SHONIN_DOWN">#REF!</definedName>
    <definedName name="R_SHONIN_NAIYO">#REF!</definedName>
    <definedName name="R_SHONIN_NAIYO_T">#REF!</definedName>
    <definedName name="R_SHONIN_UP">#REF!</definedName>
    <definedName name="sain">#REF!</definedName>
    <definedName name="SIMEI_K">#REF!</definedName>
    <definedName name="SIMEI_K1">#REF!</definedName>
    <definedName name="SIMEI_X">#REF!</definedName>
    <definedName name="SIMEI_X1">#REF!</definedName>
    <definedName name="SYOTOKUGG">#REF!</definedName>
    <definedName name="SYOTOKUGG1">#REF!</definedName>
    <definedName name="SYOTOKUYY">#REF!</definedName>
    <definedName name="SYOTOKUYY1">#REF!</definedName>
    <definedName name="SYUBETU">#REF!</definedName>
    <definedName name="TEL">#REF!</definedName>
    <definedName name="TENNYUDD">#REF!</definedName>
    <definedName name="TENNYUGG">#REF!</definedName>
    <definedName name="TENNYUMM">#REF!</definedName>
    <definedName name="TENNYUYY">#REF!</definedName>
    <definedName name="utx_ate_name_k">#REF!</definedName>
    <definedName name="utx_barcd">#REF!</definedName>
    <definedName name="utx_birth">#REF!</definedName>
    <definedName name="utx_busho_ken_name">#REF!</definedName>
    <definedName name="utx_futan_gk">#REF!</definedName>
    <definedName name="utx_futan_kbn">#REF!</definedName>
    <definedName name="utx_gen_address_k">#REF!</definedName>
    <definedName name="utx_gen_address_k2">#REF!</definedName>
    <definedName name="utx_hiho_no01">#REF!</definedName>
    <definedName name="utx_hiho_no02">#REF!</definedName>
    <definedName name="utx_hiho_no03">#REF!</definedName>
    <definedName name="utx_hiho_no04">#REF!</definedName>
    <definedName name="utx_hiho_no05">#REF!</definedName>
    <definedName name="utx_hiho_no06">#REF!</definedName>
    <definedName name="utx_hiho_no07">#REF!</definedName>
    <definedName name="utx_hiho_no08">#REF!</definedName>
    <definedName name="utx_hiho_no09">#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ihono">#REF!</definedName>
    <definedName name="utx_hohi_no">#REF!</definedName>
    <definedName name="utx_hohino">#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atagaki_k">#REF!</definedName>
    <definedName name="utx_kettei_ymd">#REF!</definedName>
    <definedName name="utx_kofu_ymd">#REF!</definedName>
    <definedName name="utx_ku_address_k">#REF!</definedName>
    <definedName name="utx_ku_name">#REF!</definedName>
    <definedName name="utx_ku_tel">#REF!</definedName>
    <definedName name="utx_kucho_name">#REF!</definedName>
    <definedName name="utx_name_k">#REF!</definedName>
    <definedName name="utx_name_x">#REF!</definedName>
    <definedName name="utx_op_date">#REF!</definedName>
    <definedName name="utx_ren_address_k">#REF!</definedName>
    <definedName name="utx_ren_address_k2">#REF!</definedName>
    <definedName name="utx_ren_ka_name_k">#REF!</definedName>
    <definedName name="utx_ren_ku_name_k">#REF!</definedName>
    <definedName name="utx_ren_tel">#REF!</definedName>
    <definedName name="utx_ren_yubin">#REF!</definedName>
    <definedName name="utx_sex">#REF!</definedName>
    <definedName name="utx_shinsa_address_k">#REF!</definedName>
    <definedName name="utx_shinsa_ka_name">#REF!</definedName>
    <definedName name="utx_shinsa_tel">#REF!</definedName>
    <definedName name="utx_shinsa_yubin">#REF!</definedName>
    <definedName name="utx_sho_yuko_ed">#REF!</definedName>
    <definedName name="utx_sho_yuko_st">#REF!</definedName>
    <definedName name="utx_sin_address_k">#REF!</definedName>
    <definedName name="utx_Tel_Title">[1]決定通知書!#REF!</definedName>
    <definedName name="utx_yubin_no">#REF!</definedName>
    <definedName name="あ">[2]ユニシス!$I$14</definedName>
    <definedName name="ｱｱ">[2]ユニシス!$M$14</definedName>
    <definedName name="課名1">#REF!</definedName>
    <definedName name="課名2">#REF!</definedName>
    <definedName name="区長名">#REF!</definedName>
    <definedName name="区名">#REF!</definedName>
    <definedName name="住所1">#REF!</definedName>
    <definedName name="住所2">#REF!</definedName>
    <definedName name="住所3">#REF!</definedName>
    <definedName name="住所4">#REF!</definedName>
    <definedName name="住所5">#REF!</definedName>
    <definedName name="申請年月日">#REF!</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要介護">#REF!</definedName>
  </definedNames>
  <calcPr calcId="152511"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9" uniqueCount="118">
  <si>
    <t>4.給付額減額 3・4割</t>
    <rPh sb="2" eb="4">
      <t>キュウフ</t>
    </rPh>
    <rPh sb="4" eb="5">
      <t>ガク</t>
    </rPh>
    <rPh sb="5" eb="7">
      <t>ゲンガク</t>
    </rPh>
    <rPh sb="11" eb="12">
      <t>ワリ</t>
    </rPh>
    <phoneticPr fontId="6"/>
  </si>
  <si>
    <t>有・無</t>
  </si>
  <si>
    <t>3.負担割合　 3割</t>
    <rPh sb="2" eb="4">
      <t>フタン</t>
    </rPh>
    <rPh sb="4" eb="6">
      <t>ワリアイ</t>
    </rPh>
    <rPh sb="9" eb="10">
      <t>ワリ</t>
    </rPh>
    <phoneticPr fontId="6"/>
  </si>
  <si>
    <t>保険給付差止</t>
    <rPh sb="0" eb="2">
      <t>ホケン</t>
    </rPh>
    <rPh sb="2" eb="4">
      <t>キュウフ</t>
    </rPh>
    <rPh sb="4" eb="5">
      <t>サ</t>
    </rPh>
    <rPh sb="5" eb="6">
      <t>ト</t>
    </rPh>
    <phoneticPr fontId="6"/>
  </si>
  <si>
    <t>2.負担割合   2割</t>
    <rPh sb="2" eb="4">
      <t>フタン</t>
    </rPh>
    <rPh sb="4" eb="6">
      <t>ワリアイ</t>
    </rPh>
    <rPh sb="10" eb="11">
      <t>ワリ</t>
    </rPh>
    <phoneticPr fontId="6"/>
  </si>
  <si>
    <t>1.負担割合   1割</t>
    <rPh sb="2" eb="4">
      <t>フタン</t>
    </rPh>
    <rPh sb="4" eb="6">
      <t>ワリアイ</t>
    </rPh>
    <rPh sb="10" eb="11">
      <t>ワリ</t>
    </rPh>
    <phoneticPr fontId="6"/>
  </si>
  <si>
    <t>備考</t>
  </si>
  <si>
    <t>支給申請受付</t>
    <rPh sb="0" eb="2">
      <t>シキュウ</t>
    </rPh>
    <rPh sb="2" eb="4">
      <t>シンセイ</t>
    </rPh>
    <rPh sb="4" eb="6">
      <t>ウケツケ</t>
    </rPh>
    <phoneticPr fontId="7"/>
  </si>
  <si>
    <t>事前申請受付</t>
    <rPh sb="0" eb="2">
      <t>ジゼン</t>
    </rPh>
    <rPh sb="2" eb="4">
      <t>シンセイ</t>
    </rPh>
    <rPh sb="4" eb="6">
      <t>ウケツケ</t>
    </rPh>
    <phoneticPr fontId="7"/>
  </si>
  <si>
    <t>区分</t>
  </si>
  <si>
    <t>区役所記入欄</t>
  </si>
  <si>
    <t>※改修完了後、改修完了後記載欄について記載するとともに、領収証、その費用内訳の確認できる書類（工事費内訳書等）、改修後の状況が確認できる日付入りの写真を添付してください。</t>
    <rPh sb="1" eb="3">
      <t>カイシュウ</t>
    </rPh>
    <rPh sb="3" eb="5">
      <t>カンリョウ</t>
    </rPh>
    <rPh sb="5" eb="6">
      <t>ゴ</t>
    </rPh>
    <rPh sb="7" eb="9">
      <t>カイシュウ</t>
    </rPh>
    <rPh sb="9" eb="11">
      <t>カンリョウ</t>
    </rPh>
    <rPh sb="11" eb="12">
      <t>ゴ</t>
    </rPh>
    <rPh sb="12" eb="14">
      <t>キサイ</t>
    </rPh>
    <rPh sb="14" eb="15">
      <t>ラン</t>
    </rPh>
    <rPh sb="19" eb="21">
      <t>キサイ</t>
    </rPh>
    <rPh sb="28" eb="31">
      <t>リョウシュウショウ</t>
    </rPh>
    <rPh sb="34" eb="36">
      <t>ヒヨウ</t>
    </rPh>
    <rPh sb="36" eb="38">
      <t>ウチワケ</t>
    </rPh>
    <rPh sb="39" eb="41">
      <t>カクニン</t>
    </rPh>
    <rPh sb="44" eb="46">
      <t>ショルイ</t>
    </rPh>
    <rPh sb="47" eb="50">
      <t>コウジヒ</t>
    </rPh>
    <rPh sb="50" eb="53">
      <t>ウチワケショ</t>
    </rPh>
    <rPh sb="53" eb="54">
      <t>トウ</t>
    </rPh>
    <rPh sb="56" eb="58">
      <t>カイシュウ</t>
    </rPh>
    <rPh sb="58" eb="59">
      <t>ゴ</t>
    </rPh>
    <rPh sb="60" eb="62">
      <t>ジョウキョウ</t>
    </rPh>
    <rPh sb="63" eb="65">
      <t>カクニン</t>
    </rPh>
    <rPh sb="68" eb="70">
      <t>ヒヅケ</t>
    </rPh>
    <rPh sb="70" eb="71">
      <t>イ</t>
    </rPh>
    <rPh sb="73" eb="75">
      <t>シャシン</t>
    </rPh>
    <rPh sb="76" eb="78">
      <t>テンプ</t>
    </rPh>
    <phoneticPr fontId="7"/>
  </si>
  <si>
    <t>※領収日の属する月</t>
    <phoneticPr fontId="6"/>
  </si>
  <si>
    <t xml:space="preserve">　円 </t>
    <rPh sb="1" eb="2">
      <t>エン</t>
    </rPh>
    <phoneticPr fontId="7"/>
  </si>
  <si>
    <t>利用者負担額</t>
    <phoneticPr fontId="7"/>
  </si>
  <si>
    <t xml:space="preserve">（ 1 ・ 2 ・ 3 ・ 4 ）割 </t>
    <rPh sb="17" eb="18">
      <t>ワリ</t>
    </rPh>
    <phoneticPr fontId="7"/>
  </si>
  <si>
    <t>負担割合（見込）</t>
    <rPh sb="0" eb="2">
      <t>フタン</t>
    </rPh>
    <rPh sb="2" eb="4">
      <t>ワリアイ</t>
    </rPh>
    <rPh sb="5" eb="7">
      <t>ミコミ</t>
    </rPh>
    <phoneticPr fontId="7"/>
  </si>
  <si>
    <t>改修費用</t>
    <rPh sb="0" eb="2">
      <t>カイシュウ</t>
    </rPh>
    <rPh sb="2" eb="4">
      <t>ヒヨウ</t>
    </rPh>
    <phoneticPr fontId="7"/>
  </si>
  <si>
    <r>
      <t xml:space="preserve">令和    年  </t>
    </r>
    <r>
      <rPr>
        <b/>
        <sz val="10"/>
        <rFont val="ＭＳ 明朝"/>
        <family val="1"/>
        <charset val="128"/>
      </rPr>
      <t xml:space="preserve"> </t>
    </r>
    <r>
      <rPr>
        <sz val="10"/>
        <rFont val="ＭＳ 明朝"/>
        <family val="1"/>
        <charset val="128"/>
      </rPr>
      <t xml:space="preserve">月    日 </t>
    </r>
    <rPh sb="0" eb="1">
      <t>レイ</t>
    </rPh>
    <rPh sb="1" eb="2">
      <t>ワ</t>
    </rPh>
    <phoneticPr fontId="7"/>
  </si>
  <si>
    <t>領収日</t>
    <rPh sb="0" eb="3">
      <t>リョウシュウビ</t>
    </rPh>
    <phoneticPr fontId="7"/>
  </si>
  <si>
    <r>
      <t>令和   年</t>
    </r>
    <r>
      <rPr>
        <b/>
        <sz val="10"/>
        <rFont val="ＭＳ 明朝"/>
        <family val="1"/>
        <charset val="128"/>
      </rPr>
      <t xml:space="preserve">  </t>
    </r>
    <r>
      <rPr>
        <sz val="10"/>
        <rFont val="ＭＳ 明朝"/>
        <family val="1"/>
        <charset val="128"/>
      </rPr>
      <t xml:space="preserve"> 月</t>
    </r>
    <r>
      <rPr>
        <b/>
        <sz val="10"/>
        <rFont val="ＭＳ 明朝"/>
        <family val="1"/>
        <charset val="128"/>
      </rPr>
      <t xml:space="preserve">   </t>
    </r>
    <r>
      <rPr>
        <sz val="10"/>
        <rFont val="ＭＳ 明朝"/>
        <family val="1"/>
        <charset val="128"/>
      </rPr>
      <t xml:space="preserve"> 日</t>
    </r>
    <rPh sb="0" eb="1">
      <t>レイ</t>
    </rPh>
    <rPh sb="1" eb="2">
      <t>ワ</t>
    </rPh>
    <rPh sb="5" eb="6">
      <t>ネン</t>
    </rPh>
    <rPh sb="9" eb="10">
      <t>ガツ</t>
    </rPh>
    <rPh sb="14" eb="15">
      <t>ヒ</t>
    </rPh>
    <phoneticPr fontId="7"/>
  </si>
  <si>
    <t>完成日</t>
    <rPh sb="0" eb="2">
      <t>カンセイ</t>
    </rPh>
    <rPh sb="2" eb="3">
      <t>ヒ</t>
    </rPh>
    <phoneticPr fontId="7"/>
  </si>
  <si>
    <t>着工日　</t>
    <rPh sb="0" eb="2">
      <t>チャッコウ</t>
    </rPh>
    <rPh sb="2" eb="3">
      <t>ビ</t>
    </rPh>
    <phoneticPr fontId="7"/>
  </si>
  <si>
    <t>提出日：令和    年  月   日</t>
    <rPh sb="0" eb="2">
      <t>テイシュツ</t>
    </rPh>
    <rPh sb="2" eb="3">
      <t>ビ</t>
    </rPh>
    <rPh sb="4" eb="5">
      <t>レイ</t>
    </rPh>
    <rPh sb="5" eb="6">
      <t>ワ</t>
    </rPh>
    <phoneticPr fontId="7"/>
  </si>
  <si>
    <t>【改修完了後記載欄】</t>
    <rPh sb="1" eb="3">
      <t>カイシュウ</t>
    </rPh>
    <rPh sb="3" eb="5">
      <t>カンリョウ</t>
    </rPh>
    <rPh sb="5" eb="6">
      <t>アト</t>
    </rPh>
    <rPh sb="6" eb="8">
      <t>キサイ</t>
    </rPh>
    <rPh sb="8" eb="9">
      <t>ラン</t>
    </rPh>
    <phoneticPr fontId="7"/>
  </si>
  <si>
    <t>　</t>
    <phoneticPr fontId="6"/>
  </si>
  <si>
    <t>※介護保険被保険者証に「支払方法変更」又は「保険給付差止」の記載を受けている場合は、受領委任払いを選択することができません。</t>
    <rPh sb="38" eb="40">
      <t>バアイ</t>
    </rPh>
    <phoneticPr fontId="11"/>
  </si>
  <si>
    <t>※「利用者負担額（見込額）」は、「改修費用（見積額）」が支給限度基準額（20万円）以下の場合、当該金額に介護保険負担割合証に記載されている負担割合（1割であれば0.1、2割であれば0.2、3割であれば0.3）を乗じて得た額（1円未満の端数切り上げ）を記入してください。ただし、介護保険被保険者証に給付制限（給付額減額）の記載がある場合の負担割合は3割（元々の負担割合が3割であれば4割）となります。なお、「改修費用（見積額）」が支給限度基準額（20万円）以上の場合や、過去に住宅改修を行っている場合は、「利用者負担額（見込額）」の計算が異なります。ご不明な点がありましたら、お問合せください。　　　　　　　　　　　　　　　　　　　　　</t>
    <rPh sb="2" eb="5">
      <t>リヨウシャ</t>
    </rPh>
    <rPh sb="5" eb="7">
      <t>フタン</t>
    </rPh>
    <rPh sb="7" eb="8">
      <t>ガク</t>
    </rPh>
    <rPh sb="9" eb="11">
      <t>ミコ</t>
    </rPh>
    <rPh sb="11" eb="12">
      <t>ガク</t>
    </rPh>
    <rPh sb="17" eb="19">
      <t>カイシュウ</t>
    </rPh>
    <rPh sb="19" eb="21">
      <t>ヒヨウ</t>
    </rPh>
    <rPh sb="22" eb="24">
      <t>ミツモリ</t>
    </rPh>
    <rPh sb="24" eb="25">
      <t>ガク</t>
    </rPh>
    <rPh sb="39" eb="40">
      <t>エン</t>
    </rPh>
    <rPh sb="41" eb="43">
      <t>イカ</t>
    </rPh>
    <rPh sb="44" eb="46">
      <t>バアイ</t>
    </rPh>
    <rPh sb="47" eb="49">
      <t>トウガイ</t>
    </rPh>
    <rPh sb="49" eb="51">
      <t>キンガク</t>
    </rPh>
    <rPh sb="52" eb="54">
      <t>カイゴ</t>
    </rPh>
    <rPh sb="54" eb="56">
      <t>ホケン</t>
    </rPh>
    <rPh sb="56" eb="58">
      <t>フタン</t>
    </rPh>
    <rPh sb="58" eb="60">
      <t>ワリアイ</t>
    </rPh>
    <rPh sb="60" eb="61">
      <t>ショウ</t>
    </rPh>
    <rPh sb="62" eb="64">
      <t>キサイ</t>
    </rPh>
    <rPh sb="69" eb="71">
      <t>フタン</t>
    </rPh>
    <rPh sb="71" eb="73">
      <t>ワリアイ</t>
    </rPh>
    <rPh sb="75" eb="76">
      <t>ワリ</t>
    </rPh>
    <rPh sb="85" eb="86">
      <t>ワリ</t>
    </rPh>
    <rPh sb="95" eb="96">
      <t>ワリ</t>
    </rPh>
    <rPh sb="105" eb="106">
      <t>ジョウ</t>
    </rPh>
    <rPh sb="108" eb="109">
      <t>エ</t>
    </rPh>
    <rPh sb="110" eb="111">
      <t>ガク</t>
    </rPh>
    <rPh sb="113" eb="114">
      <t>エン</t>
    </rPh>
    <rPh sb="114" eb="116">
      <t>ミマン</t>
    </rPh>
    <rPh sb="117" eb="119">
      <t>ハスウ</t>
    </rPh>
    <rPh sb="119" eb="120">
      <t>キ</t>
    </rPh>
    <rPh sb="121" eb="122">
      <t>ア</t>
    </rPh>
    <rPh sb="125" eb="127">
      <t>キニュウ</t>
    </rPh>
    <rPh sb="168" eb="170">
      <t>フタン</t>
    </rPh>
    <rPh sb="170" eb="172">
      <t>ワリアイ</t>
    </rPh>
    <rPh sb="174" eb="175">
      <t>ワリ</t>
    </rPh>
    <rPh sb="176" eb="178">
      <t>モトモト</t>
    </rPh>
    <rPh sb="179" eb="181">
      <t>フタン</t>
    </rPh>
    <rPh sb="181" eb="183">
      <t>ワリアイ</t>
    </rPh>
    <rPh sb="185" eb="186">
      <t>ワリ</t>
    </rPh>
    <rPh sb="191" eb="192">
      <t>ワリ</t>
    </rPh>
    <rPh sb="214" eb="216">
      <t>シキュウ</t>
    </rPh>
    <rPh sb="216" eb="218">
      <t>ゲンド</t>
    </rPh>
    <rPh sb="218" eb="220">
      <t>キジュン</t>
    </rPh>
    <rPh sb="220" eb="221">
      <t>ガク</t>
    </rPh>
    <rPh sb="224" eb="225">
      <t>マン</t>
    </rPh>
    <rPh sb="225" eb="226">
      <t>エン</t>
    </rPh>
    <rPh sb="227" eb="229">
      <t>イジョウ</t>
    </rPh>
    <rPh sb="230" eb="232">
      <t>バアイ</t>
    </rPh>
    <rPh sb="234" eb="236">
      <t>カコ</t>
    </rPh>
    <rPh sb="237" eb="239">
      <t>ジュウタク</t>
    </rPh>
    <rPh sb="239" eb="241">
      <t>カイシュウ</t>
    </rPh>
    <rPh sb="242" eb="243">
      <t>オコナ</t>
    </rPh>
    <rPh sb="247" eb="249">
      <t>バアイ</t>
    </rPh>
    <rPh sb="265" eb="267">
      <t>ケイサン</t>
    </rPh>
    <rPh sb="268" eb="269">
      <t>コト</t>
    </rPh>
    <rPh sb="275" eb="277">
      <t>フメイ</t>
    </rPh>
    <rPh sb="278" eb="279">
      <t>テン</t>
    </rPh>
    <rPh sb="288" eb="290">
      <t>トイアワ</t>
    </rPh>
    <phoneticPr fontId="7"/>
  </si>
  <si>
    <t>※この申請書に、居宅介護支援事業者等が作成した住宅改修が必要と認められる理由を記載した書類、改修前の状況が確認できる日付入りの写真、改修の予定の状態が確認できるもの、見積額の内訳の確認できる書類を添付してください。また、改修を行う住宅の所有者が当該被保険者でない場合は、所有者の承諾書も併せて添付してください。</t>
    <rPh sb="3" eb="5">
      <t>シンセイ</t>
    </rPh>
    <rPh sb="5" eb="6">
      <t>ショ</t>
    </rPh>
    <rPh sb="8" eb="14">
      <t>キョタクカイゴシエン</t>
    </rPh>
    <rPh sb="14" eb="17">
      <t>ジギョウシャ</t>
    </rPh>
    <rPh sb="17" eb="18">
      <t>トウ</t>
    </rPh>
    <rPh sb="19" eb="21">
      <t>サクセイ</t>
    </rPh>
    <rPh sb="23" eb="25">
      <t>ジュウタク</t>
    </rPh>
    <rPh sb="25" eb="27">
      <t>カイシュウ</t>
    </rPh>
    <rPh sb="28" eb="30">
      <t>ヒツヨウ</t>
    </rPh>
    <rPh sb="31" eb="32">
      <t>ミト</t>
    </rPh>
    <rPh sb="36" eb="38">
      <t>リユウ</t>
    </rPh>
    <rPh sb="39" eb="41">
      <t>キサイ</t>
    </rPh>
    <rPh sb="43" eb="45">
      <t>ショルイ</t>
    </rPh>
    <rPh sb="48" eb="49">
      <t>マエ</t>
    </rPh>
    <rPh sb="50" eb="52">
      <t>ジョウキョウ</t>
    </rPh>
    <rPh sb="53" eb="55">
      <t>カクニン</t>
    </rPh>
    <rPh sb="58" eb="60">
      <t>ヒヅケ</t>
    </rPh>
    <rPh sb="60" eb="61">
      <t>イ</t>
    </rPh>
    <rPh sb="63" eb="65">
      <t>シャシン</t>
    </rPh>
    <rPh sb="66" eb="68">
      <t>カイシュウ</t>
    </rPh>
    <rPh sb="69" eb="71">
      <t>ヨテイ</t>
    </rPh>
    <rPh sb="72" eb="74">
      <t>ジョウタイ</t>
    </rPh>
    <rPh sb="75" eb="77">
      <t>カクニン</t>
    </rPh>
    <rPh sb="83" eb="86">
      <t>ミツモリガク</t>
    </rPh>
    <rPh sb="87" eb="89">
      <t>ウチワケ</t>
    </rPh>
    <rPh sb="90" eb="92">
      <t>カクニン</t>
    </rPh>
    <rPh sb="95" eb="97">
      <t>ショルイ</t>
    </rPh>
    <rPh sb="98" eb="100">
      <t>テンプ</t>
    </rPh>
    <rPh sb="110" eb="112">
      <t>カイシュウ</t>
    </rPh>
    <rPh sb="113" eb="114">
      <t>オコナ</t>
    </rPh>
    <rPh sb="115" eb="117">
      <t>ジュウタク</t>
    </rPh>
    <rPh sb="118" eb="121">
      <t>ショユウシャ</t>
    </rPh>
    <rPh sb="122" eb="124">
      <t>トウガイ</t>
    </rPh>
    <rPh sb="124" eb="128">
      <t>ヒホ</t>
    </rPh>
    <rPh sb="131" eb="133">
      <t>バアイ</t>
    </rPh>
    <rPh sb="135" eb="138">
      <t>ショユウシャ</t>
    </rPh>
    <rPh sb="139" eb="142">
      <t>ショウダクショ</t>
    </rPh>
    <rPh sb="143" eb="144">
      <t>アワ</t>
    </rPh>
    <rPh sb="146" eb="148">
      <t>テンプ</t>
    </rPh>
    <phoneticPr fontId="7"/>
  </si>
  <si>
    <t>利用者負担額（見込額）</t>
    <phoneticPr fontId="7"/>
  </si>
  <si>
    <t>改修費用・見積額</t>
    <rPh sb="0" eb="2">
      <t>カイシュウ</t>
    </rPh>
    <rPh sb="2" eb="4">
      <t>ヒヨウ</t>
    </rPh>
    <rPh sb="5" eb="7">
      <t>ミツモリ</t>
    </rPh>
    <rPh sb="7" eb="8">
      <t>ガク</t>
    </rPh>
    <phoneticPr fontId="7"/>
  </si>
  <si>
    <t xml:space="preserve">令和    年   月    日 </t>
    <rPh sb="0" eb="1">
      <t>レイ</t>
    </rPh>
    <rPh sb="1" eb="2">
      <t>ワ</t>
    </rPh>
    <phoneticPr fontId="7"/>
  </si>
  <si>
    <t>着工予定日</t>
    <rPh sb="0" eb="2">
      <t>チャッコウ</t>
    </rPh>
    <rPh sb="2" eb="5">
      <t>ヨテイビ</t>
    </rPh>
    <phoneticPr fontId="7"/>
  </si>
  <si>
    <t>施工事業者名</t>
    <rPh sb="0" eb="2">
      <t>セコウ</t>
    </rPh>
    <rPh sb="2" eb="3">
      <t>コト</t>
    </rPh>
    <rPh sb="3" eb="5">
      <t>ギョウシャ</t>
    </rPh>
    <rPh sb="5" eb="6">
      <t>メイ</t>
    </rPh>
    <phoneticPr fontId="7"/>
  </si>
  <si>
    <t>・便器の取替え</t>
    <rPh sb="1" eb="3">
      <t>ベンキ</t>
    </rPh>
    <rPh sb="4" eb="6">
      <t>トリカ</t>
    </rPh>
    <phoneticPr fontId="7"/>
  </si>
  <si>
    <t>・扉の取替え</t>
    <rPh sb="1" eb="2">
      <t>トビラ</t>
    </rPh>
    <rPh sb="3" eb="5">
      <t>トリカ</t>
    </rPh>
    <phoneticPr fontId="7"/>
  </si>
  <si>
    <t>・滑り防止、床または通路面の材料変更</t>
    <rPh sb="1" eb="2">
      <t>スベ</t>
    </rPh>
    <rPh sb="3" eb="5">
      <t>ボウシ</t>
    </rPh>
    <rPh sb="6" eb="7">
      <t>ユカ</t>
    </rPh>
    <rPh sb="10" eb="12">
      <t>ツウロ</t>
    </rPh>
    <rPh sb="12" eb="13">
      <t>メン</t>
    </rPh>
    <rPh sb="14" eb="16">
      <t>ザイリョウ</t>
    </rPh>
    <rPh sb="16" eb="18">
      <t>ヘンコウ</t>
    </rPh>
    <phoneticPr fontId="7"/>
  </si>
  <si>
    <t>・段差の解消</t>
    <rPh sb="1" eb="3">
      <t>ダンサ</t>
    </rPh>
    <rPh sb="4" eb="6">
      <t>カイショウ</t>
    </rPh>
    <phoneticPr fontId="7"/>
  </si>
  <si>
    <t xml:space="preserve">※工事費内訳書等の添付書類で明らかな場合は省略可。
</t>
    <phoneticPr fontId="6"/>
  </si>
  <si>
    <t>・手すりの取付け</t>
    <rPh sb="1" eb="2">
      <t>テ</t>
    </rPh>
    <rPh sb="5" eb="7">
      <t>トリツ</t>
    </rPh>
    <phoneticPr fontId="7"/>
  </si>
  <si>
    <t>（改修箇所等）</t>
    <rPh sb="1" eb="3">
      <t>カイシュウ</t>
    </rPh>
    <rPh sb="3" eb="5">
      <t>カショ</t>
    </rPh>
    <rPh sb="5" eb="6">
      <t>トウ</t>
    </rPh>
    <phoneticPr fontId="7"/>
  </si>
  <si>
    <t>（改修内容）</t>
    <rPh sb="1" eb="3">
      <t>カイシュウ</t>
    </rPh>
    <rPh sb="3" eb="5">
      <t>ナイヨウ</t>
    </rPh>
    <phoneticPr fontId="7"/>
  </si>
  <si>
    <t>改修の内容・箇所及び規模</t>
    <phoneticPr fontId="7"/>
  </si>
  <si>
    <t xml:space="preserve">・居宅介護住宅改修費                  ・介護予防住宅改修費 </t>
    <rPh sb="5" eb="7">
      <t>ジュウタク</t>
    </rPh>
    <rPh sb="7" eb="9">
      <t>カイシュウ</t>
    </rPh>
    <rPh sb="29" eb="31">
      <t>カイゴ</t>
    </rPh>
    <rPh sb="31" eb="33">
      <t>ヨボウ</t>
    </rPh>
    <rPh sb="33" eb="35">
      <t>ジュウタク</t>
    </rPh>
    <rPh sb="35" eb="37">
      <t>カイシュウ</t>
    </rPh>
    <phoneticPr fontId="7"/>
  </si>
  <si>
    <t>費目</t>
  </si>
  <si>
    <t>電話番号</t>
  </si>
  <si>
    <t>〒</t>
  </si>
  <si>
    <t>申請者住所</t>
  </si>
  <si>
    <t>本人との関係</t>
  </si>
  <si>
    <t>※被保険者本人の場合は記入不要</t>
    <rPh sb="5" eb="7">
      <t>ホンニン</t>
    </rPh>
    <phoneticPr fontId="6"/>
  </si>
  <si>
    <t>申請者氏名</t>
  </si>
  <si>
    <t>※被保険者本人と異なる場合は承諾書を添付</t>
    <rPh sb="5" eb="7">
      <t>ホンニン</t>
    </rPh>
    <rPh sb="8" eb="9">
      <t>コト</t>
    </rPh>
    <rPh sb="11" eb="13">
      <t>バアイ</t>
    </rPh>
    <rPh sb="14" eb="17">
      <t>ショウダクショ</t>
    </rPh>
    <rPh sb="18" eb="20">
      <t>テンプ</t>
    </rPh>
    <phoneticPr fontId="6"/>
  </si>
  <si>
    <t>住宅所有者氏名</t>
    <rPh sb="0" eb="2">
      <t>ジュウタク</t>
    </rPh>
    <rPh sb="2" eb="5">
      <t>ショユウシャ</t>
    </rPh>
    <rPh sb="5" eb="7">
      <t>シメイ</t>
    </rPh>
    <phoneticPr fontId="7"/>
  </si>
  <si>
    <t xml:space="preserve">電話番号 </t>
    <phoneticPr fontId="6"/>
  </si>
  <si>
    <t>被保険者住所</t>
  </si>
  <si>
    <t>男　・　女</t>
    <rPh sb="0" eb="1">
      <t>オトコ</t>
    </rPh>
    <rPh sb="4" eb="5">
      <t>オンナ</t>
    </rPh>
    <phoneticPr fontId="6"/>
  </si>
  <si>
    <t>性別</t>
    <rPh sb="0" eb="2">
      <t>セイベツ</t>
    </rPh>
    <phoneticPr fontId="6"/>
  </si>
  <si>
    <r>
      <t xml:space="preserve">　明・大・昭　　 　年　  月　 </t>
    </r>
    <r>
      <rPr>
        <b/>
        <sz val="10"/>
        <rFont val="ＭＳ 明朝"/>
        <family val="1"/>
        <charset val="128"/>
      </rPr>
      <t xml:space="preserve"> </t>
    </r>
    <r>
      <rPr>
        <sz val="10"/>
        <rFont val="ＭＳ 明朝"/>
        <family val="1"/>
        <charset val="128"/>
      </rPr>
      <t>日</t>
    </r>
    <rPh sb="1" eb="2">
      <t>メイ</t>
    </rPh>
    <rPh sb="3" eb="4">
      <t>ダイ</t>
    </rPh>
    <rPh sb="5" eb="6">
      <t>アキラ</t>
    </rPh>
    <rPh sb="10" eb="11">
      <t>ネン</t>
    </rPh>
    <rPh sb="14" eb="15">
      <t>ガツ</t>
    </rPh>
    <rPh sb="18" eb="19">
      <t>ニチ</t>
    </rPh>
    <phoneticPr fontId="6"/>
  </si>
  <si>
    <t>生年月日</t>
    <rPh sb="0" eb="2">
      <t>セイネン</t>
    </rPh>
    <rPh sb="2" eb="4">
      <t>ガッピ</t>
    </rPh>
    <phoneticPr fontId="6"/>
  </si>
  <si>
    <t>個人番号</t>
    <rPh sb="0" eb="2">
      <t>コジン</t>
    </rPh>
    <rPh sb="2" eb="4">
      <t>バンゴウ</t>
    </rPh>
    <phoneticPr fontId="6"/>
  </si>
  <si>
    <t>被保険者番号</t>
    <rPh sb="0" eb="4">
      <t>ヒホケンシャ</t>
    </rPh>
    <rPh sb="4" eb="6">
      <t>バンゴウ</t>
    </rPh>
    <phoneticPr fontId="6"/>
  </si>
  <si>
    <t>被保険者氏名</t>
    <rPh sb="0" eb="4">
      <t>ヒホケンシャ</t>
    </rPh>
    <rPh sb="4" eb="6">
      <t>シメイ</t>
    </rPh>
    <phoneticPr fontId="6"/>
  </si>
  <si>
    <t xml:space="preserve">令和    年    月    日 </t>
    <rPh sb="0" eb="1">
      <t>レイ</t>
    </rPh>
    <rPh sb="1" eb="2">
      <t>ワ</t>
    </rPh>
    <phoneticPr fontId="11"/>
  </si>
  <si>
    <t>申請年月日</t>
  </si>
  <si>
    <t>フリガナ</t>
  </si>
  <si>
    <t>札幌市      区長</t>
  </si>
  <si>
    <t xml:space="preserve">（宛先）  </t>
    <rPh sb="1" eb="2">
      <t>ア</t>
    </rPh>
    <phoneticPr fontId="6"/>
  </si>
  <si>
    <t>介護保険居宅介護（介護予防）住宅改修費支給申請書（受領委任用）</t>
    <phoneticPr fontId="7"/>
  </si>
  <si>
    <t>・</t>
    <phoneticPr fontId="6"/>
  </si>
  <si>
    <t>１　完成前に死亡された場合は、死亡日までに完成した部分のみ住宅改修費の対象となります。</t>
  </si>
  <si>
    <t xml:space="preserve"> </t>
  </si>
  <si>
    <t>医療機関や介護施設等に入院(入所)している方でも、退院（退所）前にあらかじめ住宅改修しておく</t>
    <phoneticPr fontId="1"/>
  </si>
  <si>
    <t>・</t>
    <phoneticPr fontId="1"/>
  </si>
  <si>
    <t>事前申請時には、居宅要介護者（要支援者）であるが、着工後に下記１～３になった場合は、</t>
    <phoneticPr fontId="1"/>
  </si>
  <si>
    <t>３　着工後に急遽入院し、退院の見通しが付かない場合は、入院するまでに完成した部分のみ、</t>
    <phoneticPr fontId="1"/>
  </si>
  <si>
    <r>
      <rPr>
        <sz val="11"/>
        <color theme="0"/>
        <rFont val="ＭＳ Ｐ明朝"/>
        <family val="1"/>
        <charset val="128"/>
      </rPr>
      <t>３　</t>
    </r>
    <r>
      <rPr>
        <sz val="11"/>
        <color theme="1"/>
        <rFont val="ＭＳ Ｐ明朝"/>
        <family val="1"/>
        <charset val="128"/>
      </rPr>
      <t>住宅改修費の対象となります。</t>
    </r>
    <phoneticPr fontId="1"/>
  </si>
  <si>
    <t>また、何らかの事情により改修内容が変更になった場合は、原則、着工前に事前申請を行った</t>
    <rPh sb="3" eb="4">
      <t>ナン</t>
    </rPh>
    <rPh sb="7" eb="9">
      <t>ジジョウ</t>
    </rPh>
    <rPh sb="12" eb="14">
      <t>カイシュウ</t>
    </rPh>
    <rPh sb="14" eb="16">
      <t>ナイヨウ</t>
    </rPh>
    <rPh sb="17" eb="19">
      <t>ヘンコウ</t>
    </rPh>
    <rPh sb="23" eb="25">
      <t>バアイ</t>
    </rPh>
    <rPh sb="27" eb="29">
      <t>ゲンソク</t>
    </rPh>
    <rPh sb="30" eb="32">
      <t>チャッコウ</t>
    </rPh>
    <rPh sb="32" eb="33">
      <t>マエ</t>
    </rPh>
    <phoneticPr fontId="6"/>
  </si>
  <si>
    <t>区役所へご連絡をお願いします。着工時にやむを得ず改修内容を変更した場合は、住宅改修</t>
    <phoneticPr fontId="1"/>
  </si>
  <si>
    <t>完了後の提出書類に変更内容がわかるように記載してください。ただし、改修内容が介護保険の</t>
    <rPh sb="9" eb="11">
      <t>ヘンコウ</t>
    </rPh>
    <rPh sb="11" eb="13">
      <t>ナイヨウ</t>
    </rPh>
    <phoneticPr fontId="25"/>
  </si>
  <si>
    <t>対象外である場合は、住宅改修費は支給されません。</t>
    <rPh sb="10" eb="12">
      <t>ジュウタク</t>
    </rPh>
    <rPh sb="12" eb="15">
      <t>カイシュウヒ</t>
    </rPh>
    <rPh sb="16" eb="18">
      <t>シキュウ</t>
    </rPh>
    <phoneticPr fontId="25"/>
  </si>
  <si>
    <t>必要がある場合には、事前申請をした上で住宅改修を行い、退院（退所）後に事後申請することができ</t>
    <phoneticPr fontId="1"/>
  </si>
  <si>
    <t>ます。</t>
  </si>
  <si>
    <t>ただし、退院(退所)できずに死亡した場合や保険給付の消滅時効（※１）までに退院(退所)出来なかった</t>
    <phoneticPr fontId="1"/>
  </si>
  <si>
    <t>２　要介護(要支援)認定申請中で、後日、認定結果が「自立」となり、完成日時点の要介護等認定</t>
    <phoneticPr fontId="1"/>
  </si>
  <si>
    <r>
      <rPr>
        <sz val="11"/>
        <color theme="0"/>
        <rFont val="ＭＳ Ｐ明朝"/>
        <family val="1"/>
        <charset val="128"/>
      </rPr>
      <t>２　</t>
    </r>
    <r>
      <rPr>
        <sz val="11"/>
        <rFont val="ＭＳ Ｐ明朝"/>
        <family val="1"/>
        <charset val="128"/>
      </rPr>
      <t>有効期間がない場合は、要介護認定の有</t>
    </r>
    <r>
      <rPr>
        <sz val="11"/>
        <color theme="1"/>
        <rFont val="ＭＳ Ｐ明朝"/>
        <family val="1"/>
        <charset val="128"/>
      </rPr>
      <t>効期日までに完成した部分のみ、住宅改修費の</t>
    </r>
    <phoneticPr fontId="1"/>
  </si>
  <si>
    <r>
      <rPr>
        <sz val="11"/>
        <color theme="0"/>
        <rFont val="ＭＳ Ｐ明朝"/>
        <family val="1"/>
        <charset val="128"/>
      </rPr>
      <t>2　</t>
    </r>
    <r>
      <rPr>
        <sz val="11"/>
        <color theme="1"/>
        <rFont val="ＭＳ Ｐ明朝"/>
        <family val="1"/>
        <charset val="128"/>
      </rPr>
      <t>対象となります。（※２）</t>
    </r>
    <phoneticPr fontId="1"/>
  </si>
  <si>
    <t>※１　保険給付の消滅時効は、領収証記載の代金完済日の翌日から起算して２年を経過したとき</t>
    <phoneticPr fontId="1"/>
  </si>
  <si>
    <r>
      <rPr>
        <sz val="11"/>
        <color theme="0"/>
        <rFont val="ＭＳ Ｐ明朝"/>
        <family val="1"/>
        <charset val="128"/>
      </rPr>
      <t>※１　</t>
    </r>
    <r>
      <rPr>
        <sz val="11"/>
        <color theme="1"/>
        <rFont val="ＭＳ Ｐ明朝"/>
        <family val="1"/>
        <charset val="128"/>
      </rPr>
      <t>になります。</t>
    </r>
    <phoneticPr fontId="1"/>
  </si>
  <si>
    <t>※２　初めての（または、前の認定期間が切れた後の）要介護（要支援）認定申請中に住宅改修の</t>
    <phoneticPr fontId="1"/>
  </si>
  <si>
    <r>
      <rPr>
        <sz val="11"/>
        <color theme="0"/>
        <rFont val="ＭＳ Ｐ明朝"/>
        <family val="1"/>
        <charset val="128"/>
      </rPr>
      <t>※２　</t>
    </r>
    <r>
      <rPr>
        <sz val="11"/>
        <rFont val="ＭＳ Ｐ明朝"/>
        <family val="1"/>
        <charset val="128"/>
      </rPr>
      <t>申請を行い、後日、認定結</t>
    </r>
    <r>
      <rPr>
        <sz val="11"/>
        <color theme="1"/>
        <rFont val="ＭＳ Ｐ明朝"/>
        <family val="1"/>
        <charset val="128"/>
      </rPr>
      <t>果が「自立」となってしまった場合は、全額が住宅改修費の対象外</t>
    </r>
    <phoneticPr fontId="1"/>
  </si>
  <si>
    <r>
      <rPr>
        <sz val="11"/>
        <color theme="0"/>
        <rFont val="ＭＳ Ｐ明朝"/>
        <family val="1"/>
        <charset val="128"/>
      </rPr>
      <t>※２　</t>
    </r>
    <r>
      <rPr>
        <sz val="11"/>
        <color theme="1"/>
        <rFont val="ＭＳ Ｐ明朝"/>
        <family val="1"/>
        <charset val="128"/>
      </rPr>
      <t xml:space="preserve">となります。 </t>
    </r>
    <phoneticPr fontId="1"/>
  </si>
  <si>
    <t>留意事項</t>
    <rPh sb="0" eb="2">
      <t>リュウイ</t>
    </rPh>
    <rPh sb="2" eb="4">
      <t>ジコウ</t>
    </rPh>
    <phoneticPr fontId="6"/>
  </si>
  <si>
    <t>現在の状況</t>
    <rPh sb="0" eb="2">
      <t>ゲンザイ</t>
    </rPh>
    <rPh sb="3" eb="5">
      <t>ジョウキョウ</t>
    </rPh>
    <phoneticPr fontId="1"/>
  </si>
  <si>
    <t xml:space="preserve"> その他（　　　　　　　　　　　　　）</t>
    <rPh sb="3" eb="4">
      <t>タ</t>
    </rPh>
    <phoneticPr fontId="1"/>
  </si>
  <si>
    <r>
      <t>完成した改修内容によっては住宅改修費の対象とならないことがあります</t>
    </r>
    <r>
      <rPr>
        <sz val="11"/>
        <color theme="1"/>
        <rFont val="ＭＳ Ｐ明朝"/>
        <family val="1"/>
        <charset val="128"/>
      </rPr>
      <t>。</t>
    </r>
    <rPh sb="0" eb="2">
      <t>カンセイ</t>
    </rPh>
    <rPh sb="4" eb="6">
      <t>カイシュウ</t>
    </rPh>
    <rPh sb="6" eb="8">
      <t>ナイヨウ</t>
    </rPh>
    <rPh sb="13" eb="15">
      <t>ジュウタク</t>
    </rPh>
    <rPh sb="15" eb="17">
      <t>カイシュウ</t>
    </rPh>
    <rPh sb="17" eb="18">
      <t>ヒ</t>
    </rPh>
    <rPh sb="19" eb="21">
      <t>タイショウ</t>
    </rPh>
    <phoneticPr fontId="6"/>
  </si>
  <si>
    <r>
      <t>場合は、住宅改修費は支給されません</t>
    </r>
    <r>
      <rPr>
        <sz val="11"/>
        <color theme="1"/>
        <rFont val="ＭＳ Ｐ明朝"/>
        <family val="1"/>
        <charset val="128"/>
      </rPr>
      <t>。</t>
    </r>
    <phoneticPr fontId="1"/>
  </si>
  <si>
    <t>１　介護支援専門員（ケアマネジャー）への相談</t>
  </si>
  <si>
    <t>２　区役所へ改修前の申請【事前申請】</t>
  </si>
  <si>
    <t>３　住宅の改修・代金の支払</t>
  </si>
  <si>
    <t>４　区役所へ改修完了後の届出【事後申請】</t>
  </si>
  <si>
    <t>５　支給決定</t>
  </si>
  <si>
    <t>申請手続きの流れ</t>
    <rPh sb="0" eb="2">
      <t>シンセイ</t>
    </rPh>
    <rPh sb="2" eb="4">
      <t>テツヅ</t>
    </rPh>
    <rPh sb="6" eb="7">
      <t>ナガ</t>
    </rPh>
    <phoneticPr fontId="6"/>
  </si>
  <si>
    <t>・</t>
    <phoneticPr fontId="1"/>
  </si>
  <si>
    <t>以下の流れで申請手続きを進めます。</t>
    <rPh sb="0" eb="2">
      <t>イカ</t>
    </rPh>
    <rPh sb="3" eb="4">
      <t>ナガ</t>
    </rPh>
    <rPh sb="6" eb="8">
      <t>シンセイ</t>
    </rPh>
    <rPh sb="8" eb="10">
      <t>テツヅ</t>
    </rPh>
    <rPh sb="12" eb="13">
      <t>スス</t>
    </rPh>
    <phoneticPr fontId="1"/>
  </si>
  <si>
    <r>
      <rPr>
        <b/>
        <u/>
        <sz val="10"/>
        <rFont val="ＭＳ Ｐゴシック"/>
        <family val="3"/>
        <charset val="128"/>
        <scheme val="minor"/>
      </rPr>
      <t>裏面の留意事項を確認のうえ</t>
    </r>
    <r>
      <rPr>
        <sz val="10"/>
        <rFont val="ＭＳ 明朝"/>
        <family val="1"/>
        <charset val="128"/>
      </rPr>
      <t>、以下のとおり、関係書類を添えて介護保険給付費の支給を申請します。</t>
    </r>
    <rPh sb="0" eb="2">
      <t>ウラメン</t>
    </rPh>
    <rPh sb="3" eb="5">
      <t>リュウイ</t>
    </rPh>
    <rPh sb="5" eb="7">
      <t>ジコウ</t>
    </rPh>
    <rPh sb="8" eb="10">
      <t>カクニン</t>
    </rPh>
    <rPh sb="14" eb="16">
      <t>イカ</t>
    </rPh>
    <phoneticPr fontId="7"/>
  </si>
  <si>
    <r>
      <t>事前申請は、改修内容を</t>
    </r>
    <r>
      <rPr>
        <sz val="11"/>
        <rFont val="ＭＳ Ｐゴシック"/>
        <family val="3"/>
        <charset val="128"/>
      </rPr>
      <t>確認</t>
    </r>
    <r>
      <rPr>
        <sz val="11"/>
        <rFont val="ＭＳ Ｐ明朝"/>
        <family val="1"/>
        <charset val="128"/>
      </rPr>
      <t>するものであり、正式な給付決定を行うものではありません。</t>
    </r>
    <rPh sb="0" eb="2">
      <t>ジゼン</t>
    </rPh>
    <rPh sb="11" eb="13">
      <t>カクニン</t>
    </rPh>
    <phoneticPr fontId="1"/>
  </si>
  <si>
    <r>
      <t>住宅改修費の一部が支給されません</t>
    </r>
    <r>
      <rPr>
        <sz val="11"/>
        <color theme="1"/>
        <rFont val="ＭＳ Ｐ明朝"/>
        <family val="1"/>
        <charset val="128"/>
      </rPr>
      <t>。</t>
    </r>
    <phoneticPr fontId="1"/>
  </si>
  <si>
    <t>※　介護医療院、介護療養型医療施設を指します。</t>
  </si>
  <si>
    <t>１ 在　宅</t>
    <rPh sb="2" eb="3">
      <t>ザイ</t>
    </rPh>
    <rPh sb="4" eb="5">
      <t>タク</t>
    </rPh>
    <phoneticPr fontId="1"/>
  </si>
  <si>
    <t>施設名（　　　　　　　　　　　　　　　）</t>
    <rPh sb="0" eb="1">
      <t>シ</t>
    </rPh>
    <rPh sb="2" eb="3">
      <t>メイ</t>
    </rPh>
    <phoneticPr fontId="1"/>
  </si>
  <si>
    <t>２　入 院 中</t>
    <rPh sb="2" eb="3">
      <t>ニュウ</t>
    </rPh>
    <rPh sb="4" eb="5">
      <t>イン</t>
    </rPh>
    <rPh sb="6" eb="7">
      <t>ナカ</t>
    </rPh>
    <phoneticPr fontId="1"/>
  </si>
  <si>
    <t>年　　　月　　　日</t>
    <rPh sb="0" eb="1">
      <t>ネン</t>
    </rPh>
    <rPh sb="4" eb="5">
      <t>ガツ</t>
    </rPh>
    <rPh sb="8" eb="9">
      <t>ニチ</t>
    </rPh>
    <phoneticPr fontId="1"/>
  </si>
  <si>
    <t xml:space="preserve">     　事前申請時に入院（所）中だった場合は、退院（所）日 　　　　　年　　　月　　　日</t>
    <rPh sb="6" eb="8">
      <t>ジゼン</t>
    </rPh>
    <rPh sb="8" eb="10">
      <t>シンセイ</t>
    </rPh>
    <rPh sb="10" eb="11">
      <t>ジ</t>
    </rPh>
    <rPh sb="12" eb="14">
      <t>ニュウイン</t>
    </rPh>
    <rPh sb="15" eb="16">
      <t>ショ</t>
    </rPh>
    <rPh sb="17" eb="18">
      <t>ナカ</t>
    </rPh>
    <rPh sb="21" eb="23">
      <t>バアイ</t>
    </rPh>
    <rPh sb="25" eb="27">
      <t>タイイン</t>
    </rPh>
    <rPh sb="28" eb="29">
      <t>ショ</t>
    </rPh>
    <rPh sb="30" eb="31">
      <t>ヒ</t>
    </rPh>
    <rPh sb="37" eb="38">
      <t>ネン</t>
    </rPh>
    <rPh sb="41" eb="42">
      <t>ツキ</t>
    </rPh>
    <rPh sb="45" eb="46">
      <t>ヒ</t>
    </rPh>
    <phoneticPr fontId="1"/>
  </si>
  <si>
    <r>
      <t>３　</t>
    </r>
    <r>
      <rPr>
        <u/>
        <sz val="9"/>
        <rFont val="ＭＳ 明朝"/>
        <family val="1"/>
        <charset val="128"/>
      </rPr>
      <t>特別養護老人ホーム</t>
    </r>
    <r>
      <rPr>
        <u/>
        <sz val="6"/>
        <rFont val="ＭＳ 明朝"/>
        <family val="1"/>
        <charset val="128"/>
      </rPr>
      <t>、</t>
    </r>
    <r>
      <rPr>
        <u/>
        <sz val="9"/>
        <rFont val="ＭＳ 明朝"/>
        <family val="1"/>
        <charset val="128"/>
      </rPr>
      <t>介護老人保健施設</t>
    </r>
    <r>
      <rPr>
        <u/>
        <sz val="6"/>
        <rFont val="ＭＳ 明朝"/>
        <family val="1"/>
        <charset val="128"/>
      </rPr>
      <t>、</t>
    </r>
    <r>
      <rPr>
        <u/>
        <sz val="9"/>
        <rFont val="ＭＳ 明朝"/>
        <family val="1"/>
        <charset val="128"/>
      </rPr>
      <t>介護医療院等(</t>
    </r>
    <r>
      <rPr>
        <u/>
        <sz val="8"/>
        <rFont val="ＭＳ 明朝"/>
        <family val="1"/>
        <charset val="128"/>
      </rPr>
      <t>※</t>
    </r>
    <r>
      <rPr>
        <u/>
        <sz val="9"/>
        <rFont val="ＭＳ 明朝"/>
        <family val="1"/>
        <charset val="128"/>
      </rPr>
      <t>)入所中</t>
    </r>
    <rPh sb="2" eb="4">
      <t>トクベツ</t>
    </rPh>
    <rPh sb="4" eb="6">
      <t>ヨウゴ</t>
    </rPh>
    <rPh sb="6" eb="8">
      <t>ロウジン</t>
    </rPh>
    <rPh sb="12" eb="14">
      <t>カイゴ</t>
    </rPh>
    <rPh sb="14" eb="16">
      <t>ロウジン</t>
    </rPh>
    <rPh sb="16" eb="18">
      <t>ホケン</t>
    </rPh>
    <rPh sb="18" eb="20">
      <t>シセツ</t>
    </rPh>
    <rPh sb="21" eb="23">
      <t>カイゴ</t>
    </rPh>
    <rPh sb="23" eb="25">
      <t>イリョウ</t>
    </rPh>
    <rPh sb="25" eb="26">
      <t>イン</t>
    </rPh>
    <rPh sb="26" eb="27">
      <t>トウ</t>
    </rPh>
    <rPh sb="30" eb="33">
      <t>ニュウショチュウ</t>
    </rPh>
    <phoneticPr fontId="1"/>
  </si>
  <si>
    <r>
      <t xml:space="preserve">退院（退所）予定日
 </t>
    </r>
    <r>
      <rPr>
        <sz val="8"/>
        <rFont val="ＭＳ 明朝"/>
        <family val="1"/>
        <charset val="128"/>
      </rPr>
      <t>※</t>
    </r>
    <r>
      <rPr>
        <sz val="7"/>
        <rFont val="ＭＳ 明朝"/>
        <family val="1"/>
        <charset val="128"/>
      </rPr>
      <t>『</t>
    </r>
    <r>
      <rPr>
        <sz val="8"/>
        <rFont val="ＭＳ 明朝"/>
        <family val="1"/>
        <charset val="128"/>
      </rPr>
      <t>現在の状況</t>
    </r>
    <r>
      <rPr>
        <sz val="7"/>
        <rFont val="ＭＳ 明朝"/>
        <family val="1"/>
        <charset val="128"/>
      </rPr>
      <t>』</t>
    </r>
    <r>
      <rPr>
        <sz val="8"/>
        <rFont val="ＭＳ 明朝"/>
        <family val="1"/>
        <charset val="128"/>
      </rPr>
      <t>欄で２</t>
    </r>
    <r>
      <rPr>
        <sz val="7"/>
        <rFont val="ＭＳ 明朝"/>
        <family val="1"/>
        <charset val="128"/>
      </rPr>
      <t>、</t>
    </r>
    <r>
      <rPr>
        <sz val="8"/>
        <rFont val="ＭＳ 明朝"/>
        <family val="1"/>
        <charset val="128"/>
      </rPr>
      <t>３を選んだ場合記入</t>
    </r>
    <rPh sb="0" eb="2">
      <t>タイイン</t>
    </rPh>
    <rPh sb="3" eb="5">
      <t>タイショ</t>
    </rPh>
    <rPh sb="6" eb="8">
      <t>ヨテイ</t>
    </rPh>
    <rPh sb="8" eb="9">
      <t>ビ</t>
    </rPh>
    <rPh sb="13" eb="15">
      <t>ゲンザイ</t>
    </rPh>
    <rPh sb="16" eb="18">
      <t>ジョウキョウ</t>
    </rPh>
    <rPh sb="19" eb="20">
      <t>ラン</t>
    </rPh>
    <rPh sb="25" eb="26">
      <t>エラ</t>
    </rPh>
    <rPh sb="28" eb="30">
      <t>バアイ</t>
    </rPh>
    <rPh sb="30" eb="32">
      <t>キニュウ</t>
    </rPh>
    <phoneticPr fontId="1"/>
  </si>
  <si>
    <r>
      <t xml:space="preserve">　現在の状況
</t>
    </r>
    <r>
      <rPr>
        <sz val="8"/>
        <rFont val="ＭＳ 明朝"/>
        <family val="1"/>
        <charset val="128"/>
      </rPr>
      <t>※１～３のうち該当するものに○</t>
    </r>
    <rPh sb="1" eb="3">
      <t>ゲンザイ</t>
    </rPh>
    <rPh sb="4" eb="6">
      <t>ジョウキョウ</t>
    </rPh>
    <rPh sb="14" eb="16">
      <t>ガイトウ</t>
    </rPh>
    <phoneticPr fontId="1"/>
  </si>
  <si>
    <t>※改修を行う住宅の所有者が当該被保険者でない場合は、住宅の所有者の承諾書も併せて添付してください。</t>
    <rPh sb="1" eb="3">
      <t>カイシュウ</t>
    </rPh>
    <rPh sb="4" eb="5">
      <t>オコナ</t>
    </rPh>
    <rPh sb="6" eb="8">
      <t>ジュウタク</t>
    </rPh>
    <rPh sb="9" eb="12">
      <t>ショユウシャ</t>
    </rPh>
    <rPh sb="13" eb="15">
      <t>トウガイ</t>
    </rPh>
    <rPh sb="15" eb="16">
      <t>ヒ</t>
    </rPh>
    <rPh sb="16" eb="19">
      <t>ホケンシャ</t>
    </rPh>
    <rPh sb="22" eb="24">
      <t>バアイ</t>
    </rPh>
    <rPh sb="26" eb="28">
      <t>ジュウタク</t>
    </rPh>
    <rPh sb="29" eb="32">
      <t>ショユウシャ</t>
    </rPh>
    <rPh sb="33" eb="36">
      <t>ショウダクショ</t>
    </rPh>
    <rPh sb="37" eb="38">
      <t>アワ</t>
    </rPh>
    <rPh sb="40" eb="42">
      <t>テンプ</t>
    </rPh>
    <phoneticPr fontId="7"/>
  </si>
  <si>
    <r>
      <rPr>
        <sz val="11"/>
        <rFont val="ＭＳ 明朝"/>
        <family val="1"/>
        <charset val="128"/>
      </rPr>
      <t>在宅</t>
    </r>
    <r>
      <rPr>
        <sz val="10"/>
        <rFont val="ＭＳ 明朝"/>
        <family val="1"/>
        <charset val="128"/>
      </rPr>
      <t>　</t>
    </r>
    <r>
      <rPr>
        <sz val="9"/>
        <rFont val="ＭＳ 明朝"/>
        <family val="1"/>
        <charset val="128"/>
      </rPr>
      <t>※入院（所）中の場合は支給対象外</t>
    </r>
    <rPh sb="0" eb="2">
      <t>ザイタク</t>
    </rPh>
    <rPh sb="4" eb="6">
      <t>ニュウイン</t>
    </rPh>
    <rPh sb="7" eb="8">
      <t>ショ</t>
    </rPh>
    <rPh sb="9" eb="10">
      <t>ナカ</t>
    </rPh>
    <rPh sb="11" eb="13">
      <t>バアイ</t>
    </rPh>
    <rPh sb="14" eb="16">
      <t>シキュウ</t>
    </rPh>
    <rPh sb="16" eb="18">
      <t>タイショウ</t>
    </rPh>
    <rPh sb="18" eb="19">
      <t>ガイ</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35">
    <font>
      <sz val="11"/>
      <color theme="1"/>
      <name val="ＭＳ Ｐゴシック"/>
      <family val="2"/>
      <charset val="128"/>
      <scheme val="minor"/>
    </font>
    <font>
      <sz val="6"/>
      <name val="ＭＳ Ｐゴシック"/>
      <family val="2"/>
      <charset val="128"/>
      <scheme val="minor"/>
    </font>
    <font>
      <sz val="11"/>
      <name val="ＭＳ Ｐゴシック"/>
      <family val="3"/>
      <charset val="128"/>
    </font>
    <font>
      <sz val="10"/>
      <name val="ＭＳ 明朝"/>
      <family val="1"/>
      <charset val="128"/>
    </font>
    <font>
      <sz val="9.5"/>
      <name val="ＭＳ Ｐゴシック"/>
      <family val="3"/>
      <charset val="128"/>
    </font>
    <font>
      <sz val="9.5"/>
      <name val="ＭＳ 明朝"/>
      <family val="1"/>
      <charset val="128"/>
    </font>
    <font>
      <sz val="6"/>
      <name val="ＭＳ Ｐゴシック"/>
      <family val="3"/>
      <charset val="128"/>
    </font>
    <font>
      <b/>
      <sz val="10.5"/>
      <name val="ＭＳ ゴシック"/>
      <family val="3"/>
      <charset val="128"/>
    </font>
    <font>
      <sz val="8"/>
      <name val="ＭＳ 明朝"/>
      <family val="1"/>
      <charset val="128"/>
    </font>
    <font>
      <b/>
      <sz val="10"/>
      <name val="ＭＳ 明朝"/>
      <family val="1"/>
      <charset val="128"/>
    </font>
    <font>
      <sz val="11"/>
      <name val="ＭＳ 明朝"/>
      <family val="1"/>
      <charset val="128"/>
    </font>
    <font>
      <sz val="10.5"/>
      <name val="ＭＳ 明朝"/>
      <family val="1"/>
      <charset val="128"/>
    </font>
    <font>
      <sz val="9"/>
      <name val="ＭＳ 明朝"/>
      <family val="1"/>
      <charset val="128"/>
    </font>
    <font>
      <b/>
      <sz val="14"/>
      <name val="ＭＳ 明朝"/>
      <family val="1"/>
      <charset val="128"/>
    </font>
    <font>
      <b/>
      <sz val="11"/>
      <name val="ＭＳ Ｐゴシック"/>
      <family val="3"/>
      <charset val="128"/>
    </font>
    <font>
      <sz val="9"/>
      <name val="ＭＳ ゴシック"/>
      <family val="3"/>
      <charset val="128"/>
    </font>
    <font>
      <sz val="9.5"/>
      <name val="ＭＳ Ｐ明朝"/>
      <family val="1"/>
      <charset val="128"/>
    </font>
    <font>
      <sz val="11"/>
      <color theme="1"/>
      <name val="ＭＳ Ｐ明朝"/>
      <family val="1"/>
      <charset val="128"/>
    </font>
    <font>
      <b/>
      <sz val="16"/>
      <name val="ＭＳ Ｐゴシック"/>
      <family val="3"/>
      <charset val="128"/>
    </font>
    <font>
      <sz val="11"/>
      <color theme="1"/>
      <name val="ＭＳ Ｐゴシック"/>
      <family val="3"/>
      <charset val="128"/>
    </font>
    <font>
      <b/>
      <sz val="16"/>
      <name val="ＭＳ Ｐ明朝"/>
      <family val="1"/>
      <charset val="128"/>
    </font>
    <font>
      <b/>
      <sz val="14"/>
      <name val="ＭＳ Ｐ明朝"/>
      <family val="1"/>
      <charset val="128"/>
    </font>
    <font>
      <sz val="11"/>
      <color rgb="FF0000CC"/>
      <name val="ＭＳ Ｐ明朝"/>
      <family val="1"/>
      <charset val="128"/>
    </font>
    <font>
      <sz val="11"/>
      <color rgb="FFFF0000"/>
      <name val="ＭＳ Ｐ明朝"/>
      <family val="1"/>
      <charset val="128"/>
    </font>
    <font>
      <sz val="11"/>
      <name val="ＭＳ Ｐ明朝"/>
      <family val="1"/>
      <charset val="128"/>
    </font>
    <font>
      <sz val="6"/>
      <name val="ＭＳ Ｐゴシック"/>
      <family val="3"/>
      <charset val="128"/>
      <scheme val="minor"/>
    </font>
    <font>
      <sz val="11"/>
      <color theme="0"/>
      <name val="ＭＳ Ｐ明朝"/>
      <family val="1"/>
      <charset val="128"/>
    </font>
    <font>
      <sz val="11"/>
      <name val="ＭＳ ゴシック"/>
      <family val="3"/>
      <charset val="128"/>
    </font>
    <font>
      <u/>
      <sz val="11"/>
      <name val="ＭＳ ゴシック"/>
      <family val="3"/>
      <charset val="128"/>
    </font>
    <font>
      <b/>
      <u/>
      <sz val="10"/>
      <name val="ＭＳ Ｐゴシック"/>
      <family val="3"/>
      <charset val="128"/>
      <scheme val="minor"/>
    </font>
    <font>
      <b/>
      <sz val="11"/>
      <name val="ＭＳ Ｐ明朝"/>
      <family val="1"/>
      <charset val="128"/>
    </font>
    <font>
      <u/>
      <sz val="9"/>
      <name val="ＭＳ 明朝"/>
      <family val="1"/>
      <charset val="128"/>
    </font>
    <font>
      <u/>
      <sz val="6"/>
      <name val="ＭＳ 明朝"/>
      <family val="1"/>
      <charset val="128"/>
    </font>
    <font>
      <u/>
      <sz val="8"/>
      <name val="ＭＳ 明朝"/>
      <family val="1"/>
      <charset val="128"/>
    </font>
    <font>
      <sz val="7"/>
      <name val="ＭＳ 明朝"/>
      <family val="1"/>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23">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top style="mediumDashed">
        <color indexed="64"/>
      </top>
      <bottom/>
      <diagonal/>
    </border>
    <border>
      <left style="hair">
        <color indexed="64"/>
      </left>
      <right/>
      <top/>
      <bottom style="thin">
        <color indexed="64"/>
      </bottom>
      <diagonal/>
    </border>
    <border>
      <left style="hair">
        <color indexed="64"/>
      </left>
      <right/>
      <top/>
      <bottom/>
      <diagonal/>
    </border>
    <border>
      <left style="hair">
        <color indexed="64"/>
      </left>
      <right/>
      <top style="thin">
        <color indexed="64"/>
      </top>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right/>
      <top/>
      <bottom style="mediumDashed">
        <color auto="1"/>
      </bottom>
      <diagonal/>
    </border>
  </borders>
  <cellStyleXfs count="3">
    <xf numFmtId="0" fontId="0" fillId="0" borderId="0">
      <alignment vertical="center"/>
    </xf>
    <xf numFmtId="0" fontId="2" fillId="0" borderId="0"/>
    <xf numFmtId="0" fontId="15" fillId="0" borderId="0">
      <alignment vertical="center"/>
    </xf>
  </cellStyleXfs>
  <cellXfs count="285">
    <xf numFmtId="0" fontId="0" fillId="0" borderId="0" xfId="0">
      <alignment vertical="center"/>
    </xf>
    <xf numFmtId="0" fontId="3" fillId="0" borderId="0" xfId="1" applyFont="1"/>
    <xf numFmtId="0" fontId="3" fillId="2" borderId="0" xfId="1" applyFont="1" applyFill="1" applyAlignment="1">
      <alignment vertical="center"/>
    </xf>
    <xf numFmtId="0" fontId="3" fillId="2" borderId="0" xfId="1" applyFont="1" applyFill="1" applyBorder="1"/>
    <xf numFmtId="0" fontId="3" fillId="2" borderId="13" xfId="1" applyFont="1" applyFill="1" applyBorder="1" applyAlignment="1">
      <alignment vertical="top" wrapText="1"/>
    </xf>
    <xf numFmtId="0" fontId="10" fillId="0" borderId="0" xfId="1" applyFont="1"/>
    <xf numFmtId="0" fontId="10" fillId="2" borderId="0" xfId="1" applyFont="1" applyFill="1"/>
    <xf numFmtId="0" fontId="10" fillId="2" borderId="0" xfId="1" applyFont="1" applyFill="1" applyBorder="1"/>
    <xf numFmtId="0" fontId="2" fillId="2" borderId="0" xfId="1" applyFont="1" applyFill="1" applyBorder="1" applyAlignment="1"/>
    <xf numFmtId="0" fontId="10" fillId="2" borderId="0" xfId="1" applyFont="1" applyFill="1" applyBorder="1" applyAlignment="1">
      <alignment vertical="center"/>
    </xf>
    <xf numFmtId="0" fontId="3" fillId="2" borderId="0" xfId="1" applyFont="1" applyFill="1" applyBorder="1" applyAlignment="1"/>
    <xf numFmtId="0" fontId="3" fillId="2" borderId="2" xfId="1" applyFont="1" applyFill="1" applyBorder="1" applyAlignment="1">
      <alignment vertical="top"/>
    </xf>
    <xf numFmtId="0" fontId="3" fillId="2" borderId="14" xfId="1" applyFont="1" applyFill="1" applyBorder="1" applyAlignment="1">
      <alignment vertical="top"/>
    </xf>
    <xf numFmtId="0" fontId="12" fillId="2" borderId="3" xfId="1" applyFont="1" applyFill="1" applyBorder="1" applyAlignment="1">
      <alignment vertical="center"/>
    </xf>
    <xf numFmtId="0" fontId="3" fillId="2" borderId="0" xfId="1" applyFont="1" applyFill="1" applyBorder="1" applyAlignment="1">
      <alignment vertical="top"/>
    </xf>
    <xf numFmtId="0" fontId="3" fillId="2" borderId="15" xfId="1" applyFont="1" applyFill="1" applyBorder="1" applyAlignment="1">
      <alignment vertical="top"/>
    </xf>
    <xf numFmtId="0" fontId="12" fillId="2" borderId="8" xfId="1" applyFont="1" applyFill="1" applyBorder="1" applyAlignment="1">
      <alignment vertical="center"/>
    </xf>
    <xf numFmtId="0" fontId="3" fillId="2" borderId="15" xfId="1" applyFont="1" applyFill="1" applyBorder="1" applyAlignment="1">
      <alignment vertical="top" wrapText="1"/>
    </xf>
    <xf numFmtId="0" fontId="3" fillId="2" borderId="16" xfId="1" applyFont="1" applyFill="1" applyBorder="1" applyAlignment="1">
      <alignment vertical="center"/>
    </xf>
    <xf numFmtId="0" fontId="3" fillId="2" borderId="11" xfId="1" applyFont="1" applyFill="1" applyBorder="1" applyAlignment="1">
      <alignment vertical="center"/>
    </xf>
    <xf numFmtId="0" fontId="3" fillId="2" borderId="10" xfId="1" applyFont="1" applyFill="1" applyBorder="1"/>
    <xf numFmtId="0" fontId="3" fillId="2" borderId="0" xfId="1" applyFont="1" applyFill="1" applyAlignment="1"/>
    <xf numFmtId="0" fontId="3" fillId="2" borderId="0" xfId="1" applyFont="1" applyFill="1"/>
    <xf numFmtId="0" fontId="3" fillId="2" borderId="0" xfId="1" applyFont="1" applyFill="1" applyBorder="1" applyAlignment="1">
      <alignment vertical="center"/>
    </xf>
    <xf numFmtId="0" fontId="3" fillId="2" borderId="0" xfId="1" applyFont="1" applyFill="1" applyBorder="1" applyAlignment="1">
      <alignment vertical="top" wrapText="1"/>
    </xf>
    <xf numFmtId="0" fontId="2" fillId="2" borderId="0" xfId="1" applyFont="1" applyFill="1" applyAlignment="1"/>
    <xf numFmtId="0" fontId="3" fillId="2" borderId="0" xfId="1" applyFont="1" applyFill="1" applyBorder="1" applyAlignment="1">
      <alignment horizontal="left" vertical="center" wrapText="1"/>
    </xf>
    <xf numFmtId="0" fontId="16" fillId="0" borderId="0" xfId="2" applyFont="1">
      <alignment vertical="center"/>
    </xf>
    <xf numFmtId="0" fontId="17" fillId="0" borderId="0" xfId="0" applyFont="1" applyAlignment="1">
      <alignment vertical="center"/>
    </xf>
    <xf numFmtId="0" fontId="20" fillId="0" borderId="0" xfId="0" applyFont="1" applyAlignment="1">
      <alignment horizontal="center" vertical="center"/>
    </xf>
    <xf numFmtId="0" fontId="21" fillId="0" borderId="0" xfId="0" applyFont="1" applyAlignment="1">
      <alignment horizontal="center" vertical="center"/>
    </xf>
    <xf numFmtId="0" fontId="17" fillId="0" borderId="0" xfId="0" applyFont="1" applyBorder="1" applyAlignment="1">
      <alignment vertical="center"/>
    </xf>
    <xf numFmtId="0" fontId="22" fillId="0" borderId="0" xfId="0" applyFont="1" applyBorder="1" applyAlignment="1">
      <alignment horizontal="center" vertical="center"/>
    </xf>
    <xf numFmtId="0" fontId="17" fillId="0" borderId="0" xfId="0" applyFont="1" applyBorder="1" applyAlignment="1">
      <alignment horizontal="center" vertical="center"/>
    </xf>
    <xf numFmtId="0" fontId="19" fillId="0" borderId="0" xfId="0" applyFont="1" applyBorder="1" applyAlignment="1">
      <alignment vertical="center"/>
    </xf>
    <xf numFmtId="0" fontId="19" fillId="0" borderId="0" xfId="0" applyFont="1" applyBorder="1" applyAlignment="1">
      <alignment horizontal="center" vertical="center"/>
    </xf>
    <xf numFmtId="0" fontId="19" fillId="0" borderId="0" xfId="0" applyFont="1" applyAlignment="1">
      <alignment vertical="center"/>
    </xf>
    <xf numFmtId="0" fontId="17" fillId="0" borderId="0" xfId="0" applyFont="1" applyAlignment="1">
      <alignment horizontal="center" vertical="center"/>
    </xf>
    <xf numFmtId="0" fontId="17" fillId="0" borderId="0" xfId="0" applyFont="1" applyFill="1" applyAlignment="1">
      <alignment horizontal="center" vertical="center"/>
    </xf>
    <xf numFmtId="0" fontId="24" fillId="0" borderId="0" xfId="0" applyFont="1" applyFill="1" applyAlignment="1">
      <alignment vertical="center"/>
    </xf>
    <xf numFmtId="0" fontId="23" fillId="0" borderId="0" xfId="0" applyFont="1" applyFill="1" applyAlignment="1">
      <alignment vertical="center"/>
    </xf>
    <xf numFmtId="0" fontId="17" fillId="0" borderId="0" xfId="0" applyFont="1" applyFill="1" applyAlignment="1">
      <alignment vertical="center"/>
    </xf>
    <xf numFmtId="0" fontId="17" fillId="0" borderId="0" xfId="0" applyFont="1" applyAlignment="1">
      <alignment horizontal="left" vertical="center"/>
    </xf>
    <xf numFmtId="0" fontId="27" fillId="2" borderId="0" xfId="1" applyFont="1" applyFill="1" applyBorder="1"/>
    <xf numFmtId="0" fontId="27" fillId="2" borderId="0" xfId="1" applyFont="1" applyFill="1" applyBorder="1" applyAlignment="1">
      <alignment vertical="top"/>
    </xf>
    <xf numFmtId="0" fontId="27" fillId="2" borderId="0" xfId="1" applyFont="1" applyFill="1" applyBorder="1" applyAlignment="1">
      <alignment vertical="top" wrapText="1"/>
    </xf>
    <xf numFmtId="0" fontId="27" fillId="0" borderId="0" xfId="1" applyFont="1"/>
    <xf numFmtId="0" fontId="3" fillId="2" borderId="10" xfId="1" applyFont="1" applyFill="1" applyBorder="1" applyAlignment="1">
      <alignment horizontal="center" vertical="center"/>
    </xf>
    <xf numFmtId="0" fontId="3" fillId="2" borderId="9" xfId="1" applyFont="1" applyFill="1" applyBorder="1" applyAlignment="1">
      <alignment horizontal="center" vertical="center"/>
    </xf>
    <xf numFmtId="0" fontId="3" fillId="2" borderId="0" xfId="1" applyFont="1" applyFill="1" applyBorder="1" applyAlignment="1">
      <alignment vertical="center"/>
    </xf>
    <xf numFmtId="0" fontId="3" fillId="2" borderId="2" xfId="1" applyFont="1" applyFill="1" applyBorder="1" applyAlignment="1">
      <alignment vertical="center"/>
    </xf>
    <xf numFmtId="0" fontId="3" fillId="2" borderId="0" xfId="1" applyFont="1" applyFill="1" applyBorder="1" applyAlignment="1">
      <alignment vertical="top" wrapText="1"/>
    </xf>
    <xf numFmtId="0" fontId="27" fillId="2" borderId="22" xfId="1" applyFont="1" applyFill="1" applyBorder="1"/>
    <xf numFmtId="0" fontId="27" fillId="2" borderId="22" xfId="1" applyFont="1" applyFill="1" applyBorder="1" applyAlignment="1">
      <alignment vertical="center"/>
    </xf>
    <xf numFmtId="0" fontId="3" fillId="2" borderId="7" xfId="1" applyFont="1" applyFill="1" applyBorder="1" applyAlignment="1">
      <alignment vertical="top" wrapText="1"/>
    </xf>
    <xf numFmtId="0" fontId="3" fillId="2" borderId="7" xfId="1" applyFont="1" applyFill="1" applyBorder="1" applyAlignment="1">
      <alignment vertical="top"/>
    </xf>
    <xf numFmtId="0" fontId="3" fillId="2" borderId="1" xfId="1" applyFont="1" applyFill="1" applyBorder="1" applyAlignment="1">
      <alignment vertical="top"/>
    </xf>
    <xf numFmtId="0" fontId="27" fillId="0" borderId="0" xfId="1" applyFont="1" applyBorder="1" applyAlignment="1"/>
    <xf numFmtId="0" fontId="28" fillId="2" borderId="0" xfId="1" applyFont="1" applyFill="1" applyBorder="1" applyAlignment="1">
      <alignment horizontal="right" vertical="top"/>
    </xf>
    <xf numFmtId="0" fontId="30" fillId="0" borderId="0" xfId="0" applyFont="1" applyAlignment="1">
      <alignment vertical="center"/>
    </xf>
    <xf numFmtId="0" fontId="30" fillId="0" borderId="0" xfId="0" applyFont="1" applyAlignment="1">
      <alignment horizontal="center" vertical="center"/>
    </xf>
    <xf numFmtId="0" fontId="24" fillId="0" borderId="0" xfId="0" applyFont="1" applyAlignment="1">
      <alignment vertical="center"/>
    </xf>
    <xf numFmtId="0" fontId="3" fillId="0" borderId="0" xfId="1" applyFont="1" applyAlignment="1">
      <alignment vertical="center"/>
    </xf>
    <xf numFmtId="0" fontId="3" fillId="2" borderId="0" xfId="1" applyFont="1" applyFill="1" applyAlignment="1">
      <alignment vertical="top"/>
    </xf>
    <xf numFmtId="0" fontId="3" fillId="0" borderId="0" xfId="1" applyFont="1" applyAlignment="1">
      <alignment vertical="top"/>
    </xf>
    <xf numFmtId="0" fontId="3" fillId="2" borderId="0" xfId="1" applyFont="1" applyFill="1"/>
    <xf numFmtId="0" fontId="8" fillId="3" borderId="3" xfId="1" applyFont="1" applyFill="1" applyBorder="1" applyAlignment="1">
      <alignment vertical="center" wrapText="1"/>
    </xf>
    <xf numFmtId="0" fontId="8" fillId="3" borderId="2" xfId="1" applyFont="1" applyFill="1" applyBorder="1" applyAlignment="1">
      <alignment vertical="center"/>
    </xf>
    <xf numFmtId="0" fontId="3" fillId="3" borderId="5" xfId="1" applyFont="1" applyFill="1" applyBorder="1"/>
    <xf numFmtId="0" fontId="3" fillId="3" borderId="20" xfId="1" applyFont="1" applyFill="1" applyBorder="1" applyAlignment="1">
      <alignment vertical="center" wrapText="1"/>
    </xf>
    <xf numFmtId="0" fontId="13" fillId="2" borderId="0" xfId="1" applyFont="1" applyFill="1" applyBorder="1" applyAlignment="1">
      <alignment horizontal="center"/>
    </xf>
    <xf numFmtId="0" fontId="3" fillId="2" borderId="0" xfId="1" applyFont="1" applyFill="1"/>
    <xf numFmtId="0" fontId="3" fillId="2" borderId="18" xfId="1" applyFont="1" applyFill="1" applyBorder="1" applyAlignment="1">
      <alignment horizontal="distributed" vertical="center" justifyLastLine="1"/>
    </xf>
    <xf numFmtId="0" fontId="9" fillId="2" borderId="6" xfId="1" applyFont="1" applyFill="1" applyBorder="1" applyAlignment="1">
      <alignment horizontal="left" vertical="center"/>
    </xf>
    <xf numFmtId="0" fontId="9" fillId="2" borderId="5" xfId="1" applyFont="1" applyFill="1" applyBorder="1" applyAlignment="1">
      <alignment horizontal="left" vertical="center"/>
    </xf>
    <xf numFmtId="0" fontId="9" fillId="2" borderId="4" xfId="1" applyFont="1" applyFill="1" applyBorder="1" applyAlignment="1">
      <alignment horizontal="left" vertical="center"/>
    </xf>
    <xf numFmtId="0" fontId="3" fillId="2" borderId="6" xfId="1" applyFont="1" applyFill="1" applyBorder="1" applyAlignment="1">
      <alignment horizontal="center" vertical="center"/>
    </xf>
    <xf numFmtId="0" fontId="2" fillId="0" borderId="5" xfId="1" applyFont="1" applyBorder="1" applyAlignment="1">
      <alignment horizontal="center" vertical="center"/>
    </xf>
    <xf numFmtId="0" fontId="2" fillId="0" borderId="4" xfId="1" applyFont="1" applyBorder="1" applyAlignment="1">
      <alignment vertical="center"/>
    </xf>
    <xf numFmtId="0" fontId="3" fillId="2" borderId="5" xfId="1" applyFont="1" applyFill="1" applyBorder="1" applyAlignment="1">
      <alignment horizontal="center" vertical="center"/>
    </xf>
    <xf numFmtId="0" fontId="2" fillId="0" borderId="5" xfId="1" applyFont="1" applyBorder="1" applyAlignment="1">
      <alignment vertical="center"/>
    </xf>
    <xf numFmtId="0" fontId="13" fillId="0" borderId="11" xfId="1" applyFont="1" applyBorder="1" applyAlignment="1">
      <alignment horizontal="center" vertical="center"/>
    </xf>
    <xf numFmtId="0" fontId="13" fillId="0" borderId="10" xfId="1" applyFont="1" applyBorder="1" applyAlignment="1">
      <alignment horizontal="center" vertical="center"/>
    </xf>
    <xf numFmtId="0" fontId="13" fillId="0" borderId="9" xfId="1" applyFont="1" applyBorder="1" applyAlignment="1">
      <alignment horizontal="center" vertical="center"/>
    </xf>
    <xf numFmtId="0" fontId="13" fillId="0" borderId="3" xfId="1" applyFont="1" applyBorder="1" applyAlignment="1">
      <alignment horizontal="center" vertical="center"/>
    </xf>
    <xf numFmtId="0" fontId="13" fillId="0" borderId="2" xfId="1" applyFont="1" applyBorder="1" applyAlignment="1">
      <alignment horizontal="center" vertical="center"/>
    </xf>
    <xf numFmtId="0" fontId="13" fillId="0" borderId="1" xfId="1" applyFont="1" applyBorder="1" applyAlignment="1">
      <alignment horizontal="center" vertical="center"/>
    </xf>
    <xf numFmtId="0" fontId="3" fillId="0" borderId="6" xfId="1" applyFont="1" applyBorder="1" applyAlignment="1">
      <alignment horizontal="center" vertical="center"/>
    </xf>
    <xf numFmtId="0" fontId="2" fillId="0" borderId="4" xfId="1" applyFont="1" applyBorder="1" applyAlignment="1">
      <alignment horizontal="center" vertical="center"/>
    </xf>
    <xf numFmtId="0" fontId="9" fillId="0" borderId="11" xfId="1" applyFont="1" applyBorder="1" applyAlignment="1">
      <alignment horizontal="center" vertical="center"/>
    </xf>
    <xf numFmtId="0" fontId="14" fillId="0" borderId="10" xfId="1" applyFont="1" applyBorder="1" applyAlignment="1">
      <alignment horizontal="center" vertical="center"/>
    </xf>
    <xf numFmtId="0" fontId="9" fillId="0" borderId="17" xfId="1" applyFont="1" applyBorder="1" applyAlignment="1">
      <alignment horizontal="center" vertical="center"/>
    </xf>
    <xf numFmtId="0" fontId="14" fillId="0" borderId="17" xfId="1" applyFont="1" applyBorder="1" applyAlignment="1">
      <alignment horizontal="center" vertical="center"/>
    </xf>
    <xf numFmtId="0" fontId="9" fillId="0" borderId="5" xfId="1" applyFont="1" applyBorder="1" applyAlignment="1">
      <alignment horizontal="center" vertical="center"/>
    </xf>
    <xf numFmtId="0" fontId="14" fillId="0" borderId="4" xfId="1" applyFont="1" applyBorder="1" applyAlignment="1">
      <alignment horizontal="center" vertical="center"/>
    </xf>
    <xf numFmtId="0" fontId="3" fillId="2" borderId="11" xfId="1" applyFont="1" applyFill="1" applyBorder="1" applyAlignment="1">
      <alignment horizontal="distributed" vertical="center" justifyLastLine="1"/>
    </xf>
    <xf numFmtId="0" fontId="3" fillId="0" borderId="10" xfId="1" applyFont="1" applyBorder="1" applyAlignment="1">
      <alignment horizontal="distributed" vertical="center" justifyLastLine="1"/>
    </xf>
    <xf numFmtId="0" fontId="3" fillId="0" borderId="9" xfId="1" applyFont="1" applyBorder="1" applyAlignment="1">
      <alignment horizontal="distributed" vertical="center" justifyLastLine="1"/>
    </xf>
    <xf numFmtId="0" fontId="3" fillId="0" borderId="3" xfId="1" applyFont="1" applyBorder="1" applyAlignment="1">
      <alignment horizontal="distributed" vertical="center" justifyLastLine="1"/>
    </xf>
    <xf numFmtId="0" fontId="3" fillId="0" borderId="2" xfId="1" applyFont="1" applyBorder="1" applyAlignment="1">
      <alignment horizontal="distributed" vertical="center" justifyLastLine="1"/>
    </xf>
    <xf numFmtId="0" fontId="3" fillId="0" borderId="1" xfId="1" applyFont="1" applyBorder="1" applyAlignment="1">
      <alignment horizontal="distributed" vertical="center" justifyLastLine="1"/>
    </xf>
    <xf numFmtId="0" fontId="9" fillId="0" borderId="10" xfId="1" applyFont="1" applyBorder="1" applyAlignment="1">
      <alignment horizontal="center" vertical="center"/>
    </xf>
    <xf numFmtId="0" fontId="14" fillId="0" borderId="9" xfId="1" applyFont="1" applyBorder="1" applyAlignment="1">
      <alignment horizontal="center" vertical="center"/>
    </xf>
    <xf numFmtId="0" fontId="3" fillId="0" borderId="11" xfId="1" applyFont="1" applyBorder="1" applyAlignment="1">
      <alignment horizontal="center" vertical="center"/>
    </xf>
    <xf numFmtId="0" fontId="2" fillId="0" borderId="10" xfId="1" applyFont="1" applyBorder="1" applyAlignment="1">
      <alignment horizontal="center" vertical="center"/>
    </xf>
    <xf numFmtId="0" fontId="2" fillId="0" borderId="9" xfId="1" applyFont="1" applyBorder="1" applyAlignment="1">
      <alignment horizontal="center" vertical="center"/>
    </xf>
    <xf numFmtId="0" fontId="9" fillId="0" borderId="6" xfId="1" applyFont="1" applyBorder="1" applyAlignment="1">
      <alignment horizontal="center" vertical="center"/>
    </xf>
    <xf numFmtId="0" fontId="14" fillId="0" borderId="5" xfId="1" applyFont="1" applyBorder="1" applyAlignment="1">
      <alignment horizontal="center" vertical="center"/>
    </xf>
    <xf numFmtId="0" fontId="3" fillId="3" borderId="11" xfId="1" applyFont="1" applyFill="1" applyBorder="1" applyAlignment="1">
      <alignment horizontal="center" vertical="center" wrapText="1" justifyLastLine="1"/>
    </xf>
    <xf numFmtId="0" fontId="3" fillId="3" borderId="10" xfId="1" applyFont="1" applyFill="1" applyBorder="1" applyAlignment="1">
      <alignment horizontal="center" vertical="center" wrapText="1" justifyLastLine="1"/>
    </xf>
    <xf numFmtId="0" fontId="3" fillId="3" borderId="9" xfId="1" applyFont="1" applyFill="1" applyBorder="1" applyAlignment="1">
      <alignment horizontal="center" vertical="center" wrapText="1" justifyLastLine="1"/>
    </xf>
    <xf numFmtId="0" fontId="3" fillId="3" borderId="3" xfId="1" applyFont="1" applyFill="1" applyBorder="1" applyAlignment="1">
      <alignment horizontal="center" vertical="center" wrapText="1" justifyLastLine="1"/>
    </xf>
    <xf numFmtId="0" fontId="3" fillId="3" borderId="2" xfId="1" applyFont="1" applyFill="1" applyBorder="1" applyAlignment="1">
      <alignment horizontal="center" vertical="center" wrapText="1" justifyLastLine="1"/>
    </xf>
    <xf numFmtId="0" fontId="3" fillId="3" borderId="1" xfId="1" applyFont="1" applyFill="1" applyBorder="1" applyAlignment="1">
      <alignment horizontal="center" vertical="center" wrapText="1" justifyLastLine="1"/>
    </xf>
    <xf numFmtId="0" fontId="3" fillId="2" borderId="6" xfId="1" applyFont="1" applyFill="1" applyBorder="1" applyAlignment="1">
      <alignment horizontal="left" vertical="center"/>
    </xf>
    <xf numFmtId="0" fontId="2" fillId="0" borderId="5" xfId="1" applyFont="1" applyBorder="1" applyAlignment="1">
      <alignment horizontal="left" vertical="center"/>
    </xf>
    <xf numFmtId="0" fontId="2" fillId="0" borderId="4" xfId="1" applyFont="1" applyBorder="1" applyAlignment="1">
      <alignment horizontal="left" vertical="center"/>
    </xf>
    <xf numFmtId="0" fontId="3" fillId="2" borderId="6" xfId="1" applyFont="1" applyFill="1" applyBorder="1" applyAlignment="1">
      <alignment horizontal="center" vertical="center" shrinkToFit="1"/>
    </xf>
    <xf numFmtId="0" fontId="2" fillId="0" borderId="5" xfId="1" applyFont="1" applyBorder="1" applyAlignment="1">
      <alignment vertical="center" shrinkToFit="1"/>
    </xf>
    <xf numFmtId="0" fontId="3" fillId="0" borderId="6" xfId="1" applyFont="1" applyBorder="1" applyAlignment="1">
      <alignment horizontal="distributed" vertical="center" wrapText="1" justifyLastLine="1"/>
    </xf>
    <xf numFmtId="0" fontId="2" fillId="0" borderId="5" xfId="1" applyFont="1" applyBorder="1" applyAlignment="1">
      <alignment horizontal="distributed" vertical="center" wrapText="1" justifyLastLine="1"/>
    </xf>
    <xf numFmtId="0" fontId="2" fillId="0" borderId="4" xfId="1" applyFont="1" applyBorder="1" applyAlignment="1">
      <alignment horizontal="distributed" vertical="center" wrapText="1" justifyLastLine="1"/>
    </xf>
    <xf numFmtId="0" fontId="3" fillId="0" borderId="6" xfId="1" applyFont="1" applyBorder="1" applyAlignment="1">
      <alignment vertical="center"/>
    </xf>
    <xf numFmtId="0" fontId="3" fillId="0" borderId="6" xfId="1" applyFont="1" applyBorder="1" applyAlignment="1">
      <alignment horizontal="distributed" vertical="center" justifyLastLine="1"/>
    </xf>
    <xf numFmtId="0" fontId="2" fillId="0" borderId="5" xfId="1" applyFont="1" applyBorder="1" applyAlignment="1">
      <alignment horizontal="distributed" vertical="center" justifyLastLine="1"/>
    </xf>
    <xf numFmtId="0" fontId="2" fillId="0" borderId="4" xfId="1" applyFont="1" applyBorder="1" applyAlignment="1">
      <alignment horizontal="distributed" vertical="center" justifyLastLine="1"/>
    </xf>
    <xf numFmtId="0" fontId="3" fillId="2" borderId="10" xfId="1" applyFont="1" applyFill="1" applyBorder="1" applyAlignment="1">
      <alignment horizontal="distributed" vertical="center" justifyLastLine="1"/>
    </xf>
    <xf numFmtId="0" fontId="3" fillId="2" borderId="9" xfId="1" applyFont="1" applyFill="1" applyBorder="1" applyAlignment="1">
      <alignment horizontal="distributed" vertical="center" justifyLastLine="1"/>
    </xf>
    <xf numFmtId="0" fontId="3" fillId="2" borderId="3" xfId="1" applyFont="1" applyFill="1" applyBorder="1" applyAlignment="1">
      <alignment horizontal="distributed" vertical="center" justifyLastLine="1"/>
    </xf>
    <xf numFmtId="0" fontId="3" fillId="2" borderId="2" xfId="1" applyFont="1" applyFill="1" applyBorder="1" applyAlignment="1">
      <alignment horizontal="distributed" vertical="center" justifyLastLine="1"/>
    </xf>
    <xf numFmtId="0" fontId="3" fillId="2" borderId="1" xfId="1" applyFont="1" applyFill="1" applyBorder="1" applyAlignment="1">
      <alignment horizontal="distributed" vertical="center" justifyLastLine="1"/>
    </xf>
    <xf numFmtId="0" fontId="9" fillId="2" borderId="10" xfId="1" applyFont="1" applyFill="1" applyBorder="1" applyAlignment="1">
      <alignment vertical="center"/>
    </xf>
    <xf numFmtId="0" fontId="9" fillId="2" borderId="9" xfId="1" applyFont="1" applyFill="1" applyBorder="1" applyAlignment="1">
      <alignment vertical="center"/>
    </xf>
    <xf numFmtId="0" fontId="9" fillId="2" borderId="3" xfId="1" applyFont="1" applyFill="1" applyBorder="1" applyAlignment="1">
      <alignment vertical="center"/>
    </xf>
    <xf numFmtId="0" fontId="9" fillId="2" borderId="2" xfId="1" applyFont="1" applyFill="1" applyBorder="1" applyAlignment="1">
      <alignment vertical="center"/>
    </xf>
    <xf numFmtId="0" fontId="3" fillId="2" borderId="2" xfId="1" applyFont="1" applyFill="1" applyBorder="1" applyAlignment="1">
      <alignment vertical="center"/>
    </xf>
    <xf numFmtId="0" fontId="3" fillId="2" borderId="1" xfId="1" applyFont="1" applyFill="1" applyBorder="1" applyAlignment="1">
      <alignment vertical="center"/>
    </xf>
    <xf numFmtId="0" fontId="12" fillId="2" borderId="11" xfId="1" applyFont="1" applyFill="1" applyBorder="1" applyAlignment="1">
      <alignment horizontal="distributed" vertical="center" justifyLastLine="1" shrinkToFit="1"/>
    </xf>
    <xf numFmtId="0" fontId="12" fillId="2" borderId="10" xfId="1" applyFont="1" applyFill="1" applyBorder="1" applyAlignment="1">
      <alignment horizontal="distributed" vertical="center" justifyLastLine="1" shrinkToFit="1"/>
    </xf>
    <xf numFmtId="0" fontId="12" fillId="2" borderId="9" xfId="1" applyFont="1" applyFill="1" applyBorder="1" applyAlignment="1">
      <alignment horizontal="distributed" vertical="center" justifyLastLine="1" shrinkToFit="1"/>
    </xf>
    <xf numFmtId="0" fontId="12" fillId="2" borderId="3" xfId="1" applyFont="1" applyFill="1" applyBorder="1" applyAlignment="1">
      <alignment horizontal="distributed" vertical="center" justifyLastLine="1" shrinkToFit="1"/>
    </xf>
    <xf numFmtId="0" fontId="12" fillId="2" borderId="2" xfId="1" applyFont="1" applyFill="1" applyBorder="1" applyAlignment="1">
      <alignment horizontal="distributed" vertical="center" justifyLastLine="1" shrinkToFit="1"/>
    </xf>
    <xf numFmtId="0" fontId="12" fillId="2" borderId="1" xfId="1" applyFont="1" applyFill="1" applyBorder="1" applyAlignment="1">
      <alignment horizontal="distributed" vertical="center" justifyLastLine="1" shrinkToFit="1"/>
    </xf>
    <xf numFmtId="0" fontId="3" fillId="2" borderId="11" xfId="1" applyFont="1" applyFill="1" applyBorder="1" applyAlignment="1">
      <alignment horizontal="center" vertical="center"/>
    </xf>
    <xf numFmtId="0" fontId="3" fillId="2" borderId="10" xfId="1" applyFont="1" applyFill="1" applyBorder="1" applyAlignment="1">
      <alignment horizontal="center" vertical="center"/>
    </xf>
    <xf numFmtId="0" fontId="3" fillId="2" borderId="9" xfId="1" applyFont="1" applyFill="1" applyBorder="1" applyAlignment="1">
      <alignment horizontal="center" vertical="center"/>
    </xf>
    <xf numFmtId="0" fontId="3" fillId="2" borderId="3" xfId="1" applyFont="1" applyFill="1" applyBorder="1" applyAlignment="1">
      <alignment horizontal="center" vertical="center"/>
    </xf>
    <xf numFmtId="0" fontId="3" fillId="2" borderId="2" xfId="1" applyFont="1" applyFill="1" applyBorder="1" applyAlignment="1">
      <alignment horizontal="center" vertical="center"/>
    </xf>
    <xf numFmtId="0" fontId="3" fillId="2" borderId="1" xfId="1" applyFont="1" applyFill="1" applyBorder="1" applyAlignment="1">
      <alignment horizontal="center" vertical="center"/>
    </xf>
    <xf numFmtId="0" fontId="8" fillId="2" borderId="11" xfId="1" applyFont="1" applyFill="1" applyBorder="1" applyAlignment="1">
      <alignment horizontal="left" vertical="top" shrinkToFit="1"/>
    </xf>
    <xf numFmtId="0" fontId="8" fillId="2" borderId="10" xfId="1" applyFont="1" applyFill="1" applyBorder="1" applyAlignment="1">
      <alignment horizontal="left" vertical="top" shrinkToFit="1"/>
    </xf>
    <xf numFmtId="0" fontId="8" fillId="2" borderId="9" xfId="1" applyFont="1" applyFill="1" applyBorder="1" applyAlignment="1">
      <alignment horizontal="left" vertical="top" shrinkToFit="1"/>
    </xf>
    <xf numFmtId="0" fontId="8" fillId="2" borderId="3" xfId="1" applyFont="1" applyFill="1" applyBorder="1" applyAlignment="1">
      <alignment horizontal="left" vertical="top" shrinkToFit="1"/>
    </xf>
    <xf numFmtId="0" fontId="8" fillId="2" borderId="2" xfId="1" applyFont="1" applyFill="1" applyBorder="1" applyAlignment="1">
      <alignment horizontal="left" vertical="top" shrinkToFit="1"/>
    </xf>
    <xf numFmtId="0" fontId="8" fillId="2" borderId="1" xfId="1" applyFont="1" applyFill="1" applyBorder="1" applyAlignment="1">
      <alignment horizontal="left" vertical="top" shrinkToFit="1"/>
    </xf>
    <xf numFmtId="0" fontId="3" fillId="0" borderId="11" xfId="1" applyFont="1" applyBorder="1" applyAlignment="1">
      <alignment horizontal="center"/>
    </xf>
    <xf numFmtId="0" fontId="3" fillId="0" borderId="10" xfId="1" applyFont="1" applyBorder="1" applyAlignment="1">
      <alignment horizontal="center"/>
    </xf>
    <xf numFmtId="0" fontId="3" fillId="0" borderId="9" xfId="1" applyFont="1" applyBorder="1" applyAlignment="1">
      <alignment horizontal="center"/>
    </xf>
    <xf numFmtId="0" fontId="3" fillId="0" borderId="8" xfId="1" applyFont="1" applyBorder="1" applyAlignment="1">
      <alignment horizontal="center"/>
    </xf>
    <xf numFmtId="0" fontId="3" fillId="0" borderId="0" xfId="1" applyFont="1" applyBorder="1" applyAlignment="1">
      <alignment horizontal="center"/>
    </xf>
    <xf numFmtId="0" fontId="3" fillId="0" borderId="7" xfId="1" applyFont="1" applyBorder="1" applyAlignment="1">
      <alignment horizontal="center"/>
    </xf>
    <xf numFmtId="0" fontId="3" fillId="3" borderId="11" xfId="1" applyFont="1" applyFill="1" applyBorder="1" applyAlignment="1">
      <alignment horizontal="left" vertical="center" wrapText="1" justifyLastLine="1"/>
    </xf>
    <xf numFmtId="0" fontId="3" fillId="3" borderId="10" xfId="1" applyFont="1" applyFill="1" applyBorder="1" applyAlignment="1">
      <alignment horizontal="left" vertical="center" wrapText="1" justifyLastLine="1"/>
    </xf>
    <xf numFmtId="0" fontId="3" fillId="3" borderId="9" xfId="1" applyFont="1" applyFill="1" applyBorder="1" applyAlignment="1">
      <alignment horizontal="left" vertical="center" wrapText="1" justifyLastLine="1"/>
    </xf>
    <xf numFmtId="0" fontId="3" fillId="3" borderId="8" xfId="1" applyFont="1" applyFill="1" applyBorder="1" applyAlignment="1">
      <alignment horizontal="left" vertical="center" wrapText="1" justifyLastLine="1"/>
    </xf>
    <xf numFmtId="0" fontId="3" fillId="3" borderId="0" xfId="1" applyFont="1" applyFill="1" applyBorder="1" applyAlignment="1">
      <alignment horizontal="left" vertical="center" wrapText="1" justifyLastLine="1"/>
    </xf>
    <xf numFmtId="0" fontId="3" fillId="3" borderId="7" xfId="1" applyFont="1" applyFill="1" applyBorder="1" applyAlignment="1">
      <alignment horizontal="left" vertical="center" wrapText="1" justifyLastLine="1"/>
    </xf>
    <xf numFmtId="0" fontId="3" fillId="3" borderId="3" xfId="1" applyFont="1" applyFill="1" applyBorder="1" applyAlignment="1">
      <alignment horizontal="left" vertical="center" wrapText="1" justifyLastLine="1"/>
    </xf>
    <xf numFmtId="0" fontId="3" fillId="3" borderId="2" xfId="1" applyFont="1" applyFill="1" applyBorder="1" applyAlignment="1">
      <alignment horizontal="left" vertical="center" wrapText="1" justifyLastLine="1"/>
    </xf>
    <xf numFmtId="0" fontId="3" fillId="3" borderId="1" xfId="1" applyFont="1" applyFill="1" applyBorder="1" applyAlignment="1">
      <alignment horizontal="left" vertical="center" wrapText="1" justifyLastLine="1"/>
    </xf>
    <xf numFmtId="0" fontId="3" fillId="3" borderId="6" xfId="1" applyFont="1" applyFill="1" applyBorder="1" applyAlignment="1">
      <alignment horizontal="center" vertical="center" wrapText="1"/>
    </xf>
    <xf numFmtId="0" fontId="3" fillId="3" borderId="5" xfId="1" applyFont="1" applyFill="1" applyBorder="1" applyAlignment="1">
      <alignment horizontal="center" vertical="center" wrapText="1"/>
    </xf>
    <xf numFmtId="0" fontId="3" fillId="3" borderId="4" xfId="1" applyFont="1" applyFill="1" applyBorder="1" applyAlignment="1">
      <alignment horizontal="center" vertical="center" wrapText="1"/>
    </xf>
    <xf numFmtId="0" fontId="3" fillId="3" borderId="11" xfId="1" applyFont="1" applyFill="1" applyBorder="1" applyAlignment="1">
      <alignment horizontal="center" vertical="center" wrapText="1" shrinkToFit="1"/>
    </xf>
    <xf numFmtId="0" fontId="3" fillId="3" borderId="10" xfId="1" applyFont="1" applyFill="1" applyBorder="1" applyAlignment="1">
      <alignment horizontal="center" vertical="center" shrinkToFit="1"/>
    </xf>
    <xf numFmtId="0" fontId="3" fillId="3" borderId="9" xfId="1" applyFont="1" applyFill="1" applyBorder="1" applyAlignment="1">
      <alignment horizontal="center" vertical="center" shrinkToFit="1"/>
    </xf>
    <xf numFmtId="0" fontId="3" fillId="3" borderId="8" xfId="1" applyFont="1" applyFill="1" applyBorder="1" applyAlignment="1">
      <alignment horizontal="center" vertical="center" shrinkToFit="1"/>
    </xf>
    <xf numFmtId="0" fontId="3" fillId="3" borderId="0" xfId="1" applyFont="1" applyFill="1" applyBorder="1" applyAlignment="1">
      <alignment horizontal="center" vertical="center" shrinkToFit="1"/>
    </xf>
    <xf numFmtId="0" fontId="3" fillId="3" borderId="7" xfId="1" applyFont="1" applyFill="1" applyBorder="1" applyAlignment="1">
      <alignment horizontal="center" vertical="center" shrinkToFit="1"/>
    </xf>
    <xf numFmtId="0" fontId="12" fillId="3" borderId="11" xfId="1" applyFont="1" applyFill="1" applyBorder="1" applyAlignment="1">
      <alignment horizontal="left" vertical="center" wrapText="1"/>
    </xf>
    <xf numFmtId="0" fontId="12" fillId="3" borderId="10" xfId="1" applyFont="1" applyFill="1" applyBorder="1" applyAlignment="1">
      <alignment horizontal="left" vertical="center" wrapText="1"/>
    </xf>
    <xf numFmtId="0" fontId="12" fillId="3" borderId="9" xfId="1" applyFont="1" applyFill="1" applyBorder="1" applyAlignment="1">
      <alignment horizontal="left" vertical="center" wrapText="1"/>
    </xf>
    <xf numFmtId="0" fontId="3" fillId="2" borderId="6" xfId="1" applyFont="1" applyFill="1" applyBorder="1" applyAlignment="1">
      <alignment horizontal="distributed" vertical="center" justifyLastLine="1"/>
    </xf>
    <xf numFmtId="0" fontId="3" fillId="2" borderId="5" xfId="1" applyFont="1" applyFill="1" applyBorder="1" applyAlignment="1">
      <alignment horizontal="distributed" vertical="center" justifyLastLine="1"/>
    </xf>
    <xf numFmtId="0" fontId="3" fillId="2" borderId="4" xfId="1" applyFont="1" applyFill="1" applyBorder="1" applyAlignment="1">
      <alignment horizontal="distributed" vertical="center" justifyLastLine="1"/>
    </xf>
    <xf numFmtId="0" fontId="3" fillId="2" borderId="6" xfId="1" applyFont="1" applyFill="1" applyBorder="1" applyAlignment="1">
      <alignment horizontal="right" vertical="center"/>
    </xf>
    <xf numFmtId="0" fontId="2" fillId="0" borderId="5" xfId="1" applyFont="1" applyBorder="1" applyAlignment="1">
      <alignment horizontal="right" vertical="center"/>
    </xf>
    <xf numFmtId="0" fontId="2" fillId="0" borderId="4" xfId="1" applyFont="1" applyBorder="1" applyAlignment="1">
      <alignment horizontal="right" vertical="center"/>
    </xf>
    <xf numFmtId="0" fontId="3" fillId="2" borderId="11" xfId="1" applyFont="1" applyFill="1" applyBorder="1" applyAlignment="1">
      <alignment horizontal="center" vertical="center" justifyLastLine="1"/>
    </xf>
    <xf numFmtId="0" fontId="3" fillId="2" borderId="10" xfId="1" applyFont="1" applyFill="1" applyBorder="1" applyAlignment="1">
      <alignment horizontal="center" vertical="center" justifyLastLine="1"/>
    </xf>
    <xf numFmtId="0" fontId="3" fillId="2" borderId="9" xfId="1" applyFont="1" applyFill="1" applyBorder="1" applyAlignment="1">
      <alignment horizontal="center" vertical="center" justifyLastLine="1"/>
    </xf>
    <xf numFmtId="0" fontId="3" fillId="2" borderId="3" xfId="1" applyFont="1" applyFill="1" applyBorder="1" applyAlignment="1">
      <alignment horizontal="center" vertical="center" justifyLastLine="1"/>
    </xf>
    <xf numFmtId="0" fontId="3" fillId="2" borderId="2" xfId="1" applyFont="1" applyFill="1" applyBorder="1" applyAlignment="1">
      <alignment horizontal="center" vertical="center" justifyLastLine="1"/>
    </xf>
    <xf numFmtId="0" fontId="3" fillId="2" borderId="1" xfId="1" applyFont="1" applyFill="1" applyBorder="1" applyAlignment="1">
      <alignment horizontal="center" vertical="center" justifyLastLine="1"/>
    </xf>
    <xf numFmtId="0" fontId="3" fillId="2" borderId="11" xfId="1" applyFont="1" applyFill="1" applyBorder="1" applyAlignment="1">
      <alignment horizontal="left" vertical="center" justifyLastLine="1"/>
    </xf>
    <xf numFmtId="0" fontId="2" fillId="0" borderId="10" xfId="1" applyFont="1" applyBorder="1" applyAlignment="1">
      <alignment horizontal="left" vertical="center" justifyLastLine="1"/>
    </xf>
    <xf numFmtId="0" fontId="2" fillId="0" borderId="9" xfId="1" applyFont="1" applyBorder="1" applyAlignment="1">
      <alignment horizontal="left" vertical="center" justifyLastLine="1"/>
    </xf>
    <xf numFmtId="0" fontId="2" fillId="0" borderId="3" xfId="1" applyFont="1" applyBorder="1" applyAlignment="1">
      <alignment horizontal="left" vertical="center" justifyLastLine="1"/>
    </xf>
    <xf numFmtId="0" fontId="2" fillId="0" borderId="2" xfId="1" applyFont="1" applyBorder="1" applyAlignment="1">
      <alignment horizontal="left" vertical="center" justifyLastLine="1"/>
    </xf>
    <xf numFmtId="0" fontId="2" fillId="0" borderId="1" xfId="1" applyFont="1" applyBorder="1" applyAlignment="1">
      <alignment horizontal="left" vertical="center" justifyLastLine="1"/>
    </xf>
    <xf numFmtId="0" fontId="3" fillId="2" borderId="11" xfId="1" applyFont="1" applyFill="1" applyBorder="1" applyAlignment="1">
      <alignment horizontal="right" vertical="center"/>
    </xf>
    <xf numFmtId="0" fontId="2" fillId="0" borderId="10" xfId="1" applyFont="1" applyBorder="1" applyAlignment="1">
      <alignment horizontal="right" vertical="center"/>
    </xf>
    <xf numFmtId="0" fontId="2" fillId="0" borderId="9" xfId="1" applyFont="1" applyBorder="1" applyAlignment="1">
      <alignment horizontal="right" vertical="center"/>
    </xf>
    <xf numFmtId="0" fontId="2" fillId="0" borderId="3" xfId="1" applyFont="1" applyBorder="1" applyAlignment="1">
      <alignment horizontal="right" vertical="center"/>
    </xf>
    <xf numFmtId="0" fontId="2" fillId="0" borderId="2" xfId="1" applyFont="1" applyBorder="1" applyAlignment="1">
      <alignment horizontal="right" vertical="center"/>
    </xf>
    <xf numFmtId="0" fontId="2" fillId="0" borderId="1" xfId="1" applyFont="1" applyBorder="1" applyAlignment="1">
      <alignment horizontal="right" vertical="center"/>
    </xf>
    <xf numFmtId="0" fontId="3" fillId="2" borderId="0" xfId="1" applyFont="1" applyFill="1" applyBorder="1" applyAlignment="1">
      <alignment horizontal="left" vertical="center" wrapText="1"/>
    </xf>
    <xf numFmtId="0" fontId="2" fillId="0" borderId="0" xfId="1" applyFont="1" applyBorder="1" applyAlignment="1"/>
    <xf numFmtId="0" fontId="3" fillId="2" borderId="0" xfId="1" applyFont="1" applyFill="1" applyAlignment="1">
      <alignment vertical="top" wrapText="1"/>
    </xf>
    <xf numFmtId="0" fontId="8" fillId="2" borderId="3" xfId="1" applyFont="1" applyFill="1" applyBorder="1" applyAlignment="1">
      <alignment horizontal="center" vertical="center"/>
    </xf>
    <xf numFmtId="0" fontId="8" fillId="2" borderId="2" xfId="1" applyFont="1" applyFill="1" applyBorder="1" applyAlignment="1">
      <alignment horizontal="center" vertical="center"/>
    </xf>
    <xf numFmtId="0" fontId="8" fillId="2" borderId="1" xfId="1" applyFont="1" applyFill="1" applyBorder="1" applyAlignment="1">
      <alignment horizontal="center" vertical="center"/>
    </xf>
    <xf numFmtId="0" fontId="8" fillId="3" borderId="8" xfId="1" applyFont="1" applyFill="1" applyBorder="1" applyAlignment="1">
      <alignment horizontal="right" vertical="top" wrapText="1"/>
    </xf>
    <xf numFmtId="0" fontId="8" fillId="3" borderId="0" xfId="1" applyFont="1" applyFill="1" applyBorder="1" applyAlignment="1">
      <alignment horizontal="right" vertical="top" wrapText="1"/>
    </xf>
    <xf numFmtId="0" fontId="8" fillId="3" borderId="7" xfId="1" applyFont="1" applyFill="1" applyBorder="1" applyAlignment="1">
      <alignment horizontal="right" vertical="top" wrapText="1"/>
    </xf>
    <xf numFmtId="0" fontId="3" fillId="3" borderId="11" xfId="1" applyFont="1" applyFill="1" applyBorder="1" applyAlignment="1">
      <alignment horizontal="center" vertical="center" shrinkToFit="1"/>
    </xf>
    <xf numFmtId="0" fontId="3" fillId="3" borderId="3" xfId="1" applyFont="1" applyFill="1" applyBorder="1" applyAlignment="1">
      <alignment horizontal="center" vertical="center" shrinkToFit="1"/>
    </xf>
    <xf numFmtId="0" fontId="3" fillId="3" borderId="2" xfId="1" applyFont="1" applyFill="1" applyBorder="1" applyAlignment="1">
      <alignment horizontal="center" vertical="center" shrinkToFit="1"/>
    </xf>
    <xf numFmtId="0" fontId="3" fillId="3" borderId="1" xfId="1" applyFont="1" applyFill="1" applyBorder="1" applyAlignment="1">
      <alignment horizontal="center" vertical="center" shrinkToFit="1"/>
    </xf>
    <xf numFmtId="0" fontId="3" fillId="3" borderId="2" xfId="1" applyFont="1" applyFill="1" applyBorder="1" applyAlignment="1">
      <alignment horizontal="center" vertical="center"/>
    </xf>
    <xf numFmtId="0" fontId="3" fillId="3" borderId="1" xfId="1" applyFont="1" applyFill="1" applyBorder="1" applyAlignment="1">
      <alignment horizontal="center" vertical="center"/>
    </xf>
    <xf numFmtId="0" fontId="3" fillId="0" borderId="3" xfId="1" applyFont="1" applyBorder="1" applyAlignment="1">
      <alignment horizontal="center"/>
    </xf>
    <xf numFmtId="0" fontId="3" fillId="0" borderId="2" xfId="1" applyFont="1" applyBorder="1" applyAlignment="1">
      <alignment horizontal="center"/>
    </xf>
    <xf numFmtId="0" fontId="3" fillId="0" borderId="1" xfId="1" applyFont="1" applyBorder="1" applyAlignment="1">
      <alignment horizontal="center"/>
    </xf>
    <xf numFmtId="0" fontId="3" fillId="2" borderId="4" xfId="1" applyFont="1" applyFill="1" applyBorder="1" applyAlignment="1">
      <alignment horizontal="center" vertical="center"/>
    </xf>
    <xf numFmtId="0" fontId="3" fillId="2" borderId="11" xfId="1" applyFont="1" applyFill="1" applyBorder="1" applyAlignment="1">
      <alignment horizontal="center" vertical="center" wrapText="1" justifyLastLine="1"/>
    </xf>
    <xf numFmtId="0" fontId="3" fillId="2" borderId="10" xfId="1" applyFont="1" applyFill="1" applyBorder="1" applyAlignment="1">
      <alignment horizontal="center" vertical="center" wrapText="1" justifyLastLine="1"/>
    </xf>
    <xf numFmtId="0" fontId="3" fillId="2" borderId="9" xfId="1" applyFont="1" applyFill="1" applyBorder="1" applyAlignment="1">
      <alignment horizontal="center" vertical="center" wrapText="1" justifyLastLine="1"/>
    </xf>
    <xf numFmtId="0" fontId="3" fillId="2" borderId="8" xfId="1" applyFont="1" applyFill="1" applyBorder="1" applyAlignment="1">
      <alignment horizontal="center" vertical="center" wrapText="1" justifyLastLine="1"/>
    </xf>
    <xf numFmtId="0" fontId="3" fillId="2" borderId="0" xfId="1" applyFont="1" applyFill="1" applyBorder="1" applyAlignment="1">
      <alignment horizontal="center" vertical="center" wrapText="1" justifyLastLine="1"/>
    </xf>
    <xf numFmtId="0" fontId="3" fillId="2" borderId="7" xfId="1" applyFont="1" applyFill="1" applyBorder="1" applyAlignment="1">
      <alignment horizontal="center" vertical="center" wrapText="1" justifyLastLine="1"/>
    </xf>
    <xf numFmtId="0" fontId="3" fillId="2" borderId="3" xfId="1" applyFont="1" applyFill="1" applyBorder="1" applyAlignment="1">
      <alignment horizontal="center" vertical="center" wrapText="1" justifyLastLine="1"/>
    </xf>
    <xf numFmtId="0" fontId="3" fillId="2" borderId="2" xfId="1" applyFont="1" applyFill="1" applyBorder="1" applyAlignment="1">
      <alignment horizontal="center" vertical="center" wrapText="1" justifyLastLine="1"/>
    </xf>
    <xf numFmtId="0" fontId="3" fillId="2" borderId="1" xfId="1" applyFont="1" applyFill="1" applyBorder="1" applyAlignment="1">
      <alignment horizontal="center" vertical="center" wrapText="1" justifyLastLine="1"/>
    </xf>
    <xf numFmtId="0" fontId="12" fillId="2" borderId="15" xfId="1" applyFont="1" applyFill="1" applyBorder="1" applyAlignment="1">
      <alignment vertical="center"/>
    </xf>
    <xf numFmtId="0" fontId="2" fillId="0" borderId="0" xfId="1" applyFont="1" applyBorder="1" applyAlignment="1">
      <alignment vertical="center"/>
    </xf>
    <xf numFmtId="0" fontId="2" fillId="0" borderId="7" xfId="1" applyFont="1" applyBorder="1" applyAlignment="1">
      <alignment vertical="center"/>
    </xf>
    <xf numFmtId="0" fontId="3" fillId="2" borderId="11" xfId="1" applyFont="1" applyFill="1" applyBorder="1" applyAlignment="1">
      <alignment horizontal="distributed" vertical="center" wrapText="1" justifyLastLine="1"/>
    </xf>
    <xf numFmtId="0" fontId="3" fillId="2" borderId="10" xfId="1" applyFont="1" applyFill="1" applyBorder="1" applyAlignment="1">
      <alignment horizontal="distributed" vertical="center" wrapText="1" justifyLastLine="1"/>
    </xf>
    <xf numFmtId="0" fontId="3" fillId="2" borderId="9" xfId="1" applyFont="1" applyFill="1" applyBorder="1" applyAlignment="1">
      <alignment horizontal="distributed" vertical="center" wrapText="1" justifyLastLine="1"/>
    </xf>
    <xf numFmtId="0" fontId="9" fillId="2" borderId="6" xfId="1" applyFont="1" applyFill="1" applyBorder="1" applyAlignment="1">
      <alignment horizontal="left" vertical="center" wrapText="1" justifyLastLine="1"/>
    </xf>
    <xf numFmtId="0" fontId="9" fillId="2" borderId="5" xfId="1" applyFont="1" applyFill="1" applyBorder="1" applyAlignment="1">
      <alignment horizontal="left" vertical="center" wrapText="1" justifyLastLine="1"/>
    </xf>
    <xf numFmtId="0" fontId="9" fillId="2" borderId="4" xfId="1" applyFont="1" applyFill="1" applyBorder="1" applyAlignment="1">
      <alignment horizontal="left" vertical="center" wrapText="1" justifyLastLine="1"/>
    </xf>
    <xf numFmtId="0" fontId="3" fillId="2" borderId="6" xfId="1" applyFont="1" applyFill="1" applyBorder="1" applyAlignment="1">
      <alignment horizontal="center" vertical="center" wrapText="1"/>
    </xf>
    <xf numFmtId="0" fontId="3" fillId="2" borderId="5" xfId="1" applyFont="1" applyFill="1" applyBorder="1" applyAlignment="1">
      <alignment horizontal="center" vertical="center" wrapText="1"/>
    </xf>
    <xf numFmtId="0" fontId="3" fillId="2" borderId="4" xfId="1" applyFont="1" applyFill="1" applyBorder="1" applyAlignment="1">
      <alignment horizontal="center" vertical="center" wrapText="1"/>
    </xf>
    <xf numFmtId="0" fontId="3" fillId="2" borderId="18" xfId="1" applyFont="1" applyFill="1" applyBorder="1" applyAlignment="1">
      <alignment horizontal="center" vertical="center"/>
    </xf>
    <xf numFmtId="0" fontId="2" fillId="0" borderId="10" xfId="1" applyFont="1" applyBorder="1" applyAlignment="1">
      <alignment horizontal="distributed" vertical="center" justifyLastLine="1"/>
    </xf>
    <xf numFmtId="0" fontId="3" fillId="2" borderId="8" xfId="1" applyFont="1" applyFill="1" applyBorder="1" applyAlignment="1">
      <alignment horizontal="center" vertical="center" justifyLastLine="1"/>
    </xf>
    <xf numFmtId="0" fontId="3" fillId="2" borderId="0" xfId="1" applyFont="1" applyFill="1" applyBorder="1" applyAlignment="1">
      <alignment horizontal="center" vertical="center" justifyLastLine="1"/>
    </xf>
    <xf numFmtId="0" fontId="3" fillId="2" borderId="7" xfId="1" applyFont="1" applyFill="1" applyBorder="1" applyAlignment="1">
      <alignment horizontal="center" vertical="center" justifyLastLine="1"/>
    </xf>
    <xf numFmtId="0" fontId="2" fillId="0" borderId="9" xfId="1" applyFont="1" applyBorder="1" applyAlignment="1">
      <alignment horizontal="distributed" vertical="center" justifyLastLine="1"/>
    </xf>
    <xf numFmtId="0" fontId="2" fillId="0" borderId="8" xfId="1" applyFont="1" applyBorder="1" applyAlignment="1">
      <alignment horizontal="distributed" vertical="center" justifyLastLine="1"/>
    </xf>
    <xf numFmtId="0" fontId="2" fillId="0" borderId="0" xfId="1" applyFont="1" applyBorder="1" applyAlignment="1">
      <alignment horizontal="distributed" vertical="center" justifyLastLine="1"/>
    </xf>
    <xf numFmtId="0" fontId="2" fillId="0" borderId="7" xfId="1" applyFont="1" applyBorder="1" applyAlignment="1">
      <alignment horizontal="distributed" vertical="center" justifyLastLine="1"/>
    </xf>
    <xf numFmtId="0" fontId="2" fillId="0" borderId="8" xfId="1" applyFont="1" applyBorder="1" applyAlignment="1">
      <alignment horizontal="right" vertical="center"/>
    </xf>
    <xf numFmtId="0" fontId="2" fillId="0" borderId="0" xfId="1" applyFont="1" applyBorder="1" applyAlignment="1">
      <alignment horizontal="right" vertical="center"/>
    </xf>
    <xf numFmtId="0" fontId="2" fillId="0" borderId="7" xfId="1" applyFont="1" applyBorder="1" applyAlignment="1">
      <alignment horizontal="right" vertical="center"/>
    </xf>
    <xf numFmtId="0" fontId="8" fillId="2" borderId="8" xfId="1" applyFont="1" applyFill="1" applyBorder="1" applyAlignment="1">
      <alignment horizontal="center" vertical="center"/>
    </xf>
    <xf numFmtId="0" fontId="8" fillId="2" borderId="0" xfId="1" applyFont="1" applyFill="1" applyBorder="1" applyAlignment="1">
      <alignment horizontal="center" vertical="center"/>
    </xf>
    <xf numFmtId="0" fontId="8" fillId="2" borderId="7" xfId="1" applyFont="1" applyFill="1" applyBorder="1" applyAlignment="1">
      <alignment horizontal="center" vertical="center"/>
    </xf>
    <xf numFmtId="0" fontId="3" fillId="3" borderId="19" xfId="1" applyFont="1" applyFill="1" applyBorder="1" applyAlignment="1">
      <alignment horizontal="left" vertical="center" wrapText="1"/>
    </xf>
    <xf numFmtId="0" fontId="3" fillId="3" borderId="20" xfId="1" applyFont="1" applyFill="1" applyBorder="1" applyAlignment="1">
      <alignment horizontal="left" vertical="center" wrapText="1"/>
    </xf>
    <xf numFmtId="0" fontId="3" fillId="3" borderId="21" xfId="1" applyFont="1" applyFill="1" applyBorder="1" applyAlignment="1">
      <alignment horizontal="left" vertical="center" wrapText="1"/>
    </xf>
    <xf numFmtId="0" fontId="3" fillId="2" borderId="10" xfId="1" applyFont="1" applyFill="1" applyBorder="1" applyAlignment="1">
      <alignment horizontal="center" vertical="center" wrapText="1"/>
    </xf>
    <xf numFmtId="0" fontId="3" fillId="2" borderId="9" xfId="1" applyFont="1" applyFill="1" applyBorder="1" applyAlignment="1">
      <alignment horizontal="center" vertical="center" wrapText="1"/>
    </xf>
    <xf numFmtId="0" fontId="3" fillId="2" borderId="0" xfId="1" applyFont="1" applyFill="1" applyBorder="1" applyAlignment="1">
      <alignment horizontal="center" vertical="center" wrapText="1"/>
    </xf>
    <xf numFmtId="0" fontId="3" fillId="2" borderId="7" xfId="1" applyFont="1" applyFill="1" applyBorder="1" applyAlignment="1">
      <alignment horizontal="center" vertical="center" wrapText="1"/>
    </xf>
    <xf numFmtId="0" fontId="3" fillId="2" borderId="2" xfId="1" applyFont="1" applyFill="1" applyBorder="1" applyAlignment="1">
      <alignment horizontal="center" vertical="center" wrapText="1"/>
    </xf>
    <xf numFmtId="0" fontId="3" fillId="2" borderId="1" xfId="1" applyFont="1" applyFill="1" applyBorder="1" applyAlignment="1">
      <alignment horizontal="center" vertical="center" wrapText="1"/>
    </xf>
    <xf numFmtId="0" fontId="2" fillId="0" borderId="5" xfId="1" applyFont="1" applyBorder="1" applyAlignment="1">
      <alignment horizontal="center" vertical="center" shrinkToFit="1"/>
    </xf>
    <xf numFmtId="0" fontId="5" fillId="2" borderId="6" xfId="1" applyFont="1" applyFill="1" applyBorder="1" applyAlignment="1">
      <alignment horizontal="left" vertical="center"/>
    </xf>
    <xf numFmtId="0" fontId="4" fillId="0" borderId="5" xfId="1" applyFont="1" applyBorder="1" applyAlignment="1">
      <alignment horizontal="left" vertical="center"/>
    </xf>
    <xf numFmtId="0" fontId="4" fillId="0" borderId="4" xfId="1" applyFont="1" applyBorder="1" applyAlignment="1">
      <alignment horizontal="left" vertical="center"/>
    </xf>
    <xf numFmtId="0" fontId="3" fillId="2" borderId="8" xfId="1" applyFont="1" applyFill="1" applyBorder="1" applyAlignment="1">
      <alignment horizontal="center" vertical="center"/>
    </xf>
    <xf numFmtId="0" fontId="3" fillId="2" borderId="0" xfId="1" applyFont="1" applyFill="1" applyBorder="1" applyAlignment="1">
      <alignment horizontal="center" vertical="center"/>
    </xf>
    <xf numFmtId="0" fontId="3" fillId="3" borderId="19" xfId="1" applyFont="1" applyFill="1" applyBorder="1" applyAlignment="1">
      <alignment horizontal="left" vertical="center" shrinkToFit="1"/>
    </xf>
    <xf numFmtId="0" fontId="3" fillId="3" borderId="20" xfId="1" applyFont="1" applyFill="1" applyBorder="1" applyAlignment="1">
      <alignment horizontal="left" vertical="center" shrinkToFit="1"/>
    </xf>
    <xf numFmtId="0" fontId="3" fillId="3" borderId="3" xfId="1" applyFont="1" applyFill="1" applyBorder="1" applyAlignment="1">
      <alignment horizontal="left" vertical="center" wrapText="1"/>
    </xf>
    <xf numFmtId="0" fontId="3" fillId="3" borderId="2" xfId="1" applyFont="1" applyFill="1" applyBorder="1" applyAlignment="1">
      <alignment horizontal="left" vertical="center" wrapText="1"/>
    </xf>
    <xf numFmtId="0" fontId="3" fillId="3" borderId="1" xfId="1" applyFont="1" applyFill="1" applyBorder="1" applyAlignment="1">
      <alignment horizontal="left" vertical="center" wrapText="1"/>
    </xf>
    <xf numFmtId="0" fontId="3" fillId="2" borderId="12" xfId="1" applyFont="1" applyFill="1" applyBorder="1" applyAlignment="1">
      <alignment horizontal="distributed" vertical="center" justifyLastLine="1"/>
    </xf>
    <xf numFmtId="0" fontId="18" fillId="0" borderId="0" xfId="0" applyFont="1" applyAlignment="1">
      <alignment horizontal="center" vertical="center"/>
    </xf>
    <xf numFmtId="0" fontId="19" fillId="0" borderId="0" xfId="0" applyFont="1" applyAlignment="1">
      <alignment vertical="center"/>
    </xf>
    <xf numFmtId="0" fontId="14" fillId="0" borderId="0" xfId="0" applyFont="1" applyAlignment="1">
      <alignment vertical="center"/>
    </xf>
  </cellXfs>
  <cellStyles count="3">
    <cellStyle name="標準" xfId="0" builtinId="0"/>
    <cellStyle name="標準 2" xfId="1"/>
    <cellStyle name="標準_敬老パス　返還通知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11</xdr:col>
      <xdr:colOff>47625</xdr:colOff>
      <xdr:row>51</xdr:row>
      <xdr:rowOff>14288</xdr:rowOff>
    </xdr:from>
    <xdr:to>
      <xdr:col>13</xdr:col>
      <xdr:colOff>28575</xdr:colOff>
      <xdr:row>51</xdr:row>
      <xdr:rowOff>109538</xdr:rowOff>
    </xdr:to>
    <xdr:cxnSp macro="">
      <xdr:nvCxnSpPr>
        <xdr:cNvPr id="49" name="カギ線コネクタ 48"/>
        <xdr:cNvCxnSpPr/>
      </xdr:nvCxnSpPr>
      <xdr:spPr>
        <a:xfrm>
          <a:off x="1285875" y="9863138"/>
          <a:ext cx="295275" cy="95250"/>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0</xdr:col>
      <xdr:colOff>62342</xdr:colOff>
      <xdr:row>51</xdr:row>
      <xdr:rowOff>109538</xdr:rowOff>
    </xdr:from>
    <xdr:to>
      <xdr:col>41</xdr:col>
      <xdr:colOff>118518</xdr:colOff>
      <xdr:row>51</xdr:row>
      <xdr:rowOff>109538</xdr:rowOff>
    </xdr:to>
    <xdr:cxnSp macro="">
      <xdr:nvCxnSpPr>
        <xdr:cNvPr id="61" name="直線矢印コネクタ 60"/>
        <xdr:cNvCxnSpPr/>
      </xdr:nvCxnSpPr>
      <xdr:spPr>
        <a:xfrm>
          <a:off x="5205842" y="9958388"/>
          <a:ext cx="180001"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5</xdr:col>
      <xdr:colOff>104775</xdr:colOff>
      <xdr:row>12</xdr:row>
      <xdr:rowOff>76200</xdr:rowOff>
    </xdr:from>
    <xdr:to>
      <xdr:col>42</xdr:col>
      <xdr:colOff>114300</xdr:colOff>
      <xdr:row>12</xdr:row>
      <xdr:rowOff>76200</xdr:rowOff>
    </xdr:to>
    <xdr:cxnSp macro="">
      <xdr:nvCxnSpPr>
        <xdr:cNvPr id="8" name="直線矢印コネクタ 7"/>
        <xdr:cNvCxnSpPr/>
      </xdr:nvCxnSpPr>
      <xdr:spPr>
        <a:xfrm>
          <a:off x="4581525" y="2171700"/>
          <a:ext cx="838200"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9</xdr:col>
      <xdr:colOff>47625</xdr:colOff>
      <xdr:row>12</xdr:row>
      <xdr:rowOff>175687</xdr:rowOff>
    </xdr:from>
    <xdr:to>
      <xdr:col>42</xdr:col>
      <xdr:colOff>105833</xdr:colOff>
      <xdr:row>13</xdr:row>
      <xdr:rowOff>104775</xdr:rowOff>
    </xdr:to>
    <xdr:cxnSp macro="">
      <xdr:nvCxnSpPr>
        <xdr:cNvPr id="9" name="カギ線コネクタ 8"/>
        <xdr:cNvCxnSpPr/>
      </xdr:nvCxnSpPr>
      <xdr:spPr>
        <a:xfrm flipV="1">
          <a:off x="4991100" y="2271187"/>
          <a:ext cx="420158" cy="157688"/>
        </a:xfrm>
        <a:prstGeom prst="bentConnector3">
          <a:avLst>
            <a:gd name="adj1" fmla="val 29597"/>
          </a:avLst>
        </a:prstGeom>
        <a:ln w="25400" cmpd="dbl">
          <a:solidFill>
            <a:schemeClr val="tx1">
              <a:lumMod val="95000"/>
              <a:lumOff val="5000"/>
            </a:schemeClr>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104775</xdr:colOff>
      <xdr:row>13</xdr:row>
      <xdr:rowOff>180975</xdr:rowOff>
    </xdr:from>
    <xdr:to>
      <xdr:col>17</xdr:col>
      <xdr:colOff>95250</xdr:colOff>
      <xdr:row>15</xdr:row>
      <xdr:rowOff>90489</xdr:rowOff>
    </xdr:to>
    <xdr:cxnSp macro="">
      <xdr:nvCxnSpPr>
        <xdr:cNvPr id="10" name="カギ線コネクタ 9"/>
        <xdr:cNvCxnSpPr/>
      </xdr:nvCxnSpPr>
      <xdr:spPr>
        <a:xfrm>
          <a:off x="1857375" y="2505075"/>
          <a:ext cx="257175" cy="242889"/>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1\&#20171;&#35703;&#20445;&#38522;&#35506;\&#20171;&#35703;&#32102;&#20184;\&#24179;&#25104;18&#24180;&#24230;&#12539;&#21046;&#24230;&#25913;&#27491;&#65288;&#31179;&#30000;&#65289;\&#27770;&#23450;&#31561;&#36890;&#30693;&#26360;&#65288;&#30906;&#23450;&#29256;&#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定通知書"/>
      <sheetName val="決定通知書（課税層特例）"/>
      <sheetName val="決定通知書（規則改正用）"/>
      <sheetName val="旧措置決定通知書"/>
      <sheetName val="旧措置決定通知書（課税層特例）"/>
      <sheetName val="旧措置決定通知書（規則改正用）"/>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BJ60"/>
  <sheetViews>
    <sheetView tabSelected="1" view="pageBreakPreview" topLeftCell="A25" zoomScaleNormal="100" zoomScaleSheetLayoutView="100" workbookViewId="0">
      <selection activeCell="K52" sqref="K52:BH52"/>
    </sheetView>
  </sheetViews>
  <sheetFormatPr defaultColWidth="1.625" defaultRowHeight="12"/>
  <cols>
    <col min="1" max="1" width="0.625" style="1" customWidth="1"/>
    <col min="2" max="2" width="1" style="1" customWidth="1"/>
    <col min="3" max="11" width="1.625" style="1" customWidth="1"/>
    <col min="12" max="12" width="2.5" style="1" customWidth="1"/>
    <col min="13" max="16" width="1.625" style="1" customWidth="1"/>
    <col min="17" max="29" width="1.875" style="1" customWidth="1"/>
    <col min="30" max="60" width="1.625" style="1" customWidth="1"/>
    <col min="61" max="61" width="0.625" style="1" customWidth="1"/>
    <col min="62" max="16384" width="1.625" style="1"/>
  </cols>
  <sheetData>
    <row r="1" spans="1:62" ht="17.25">
      <c r="A1" s="22"/>
      <c r="B1" s="70" t="s">
        <v>67</v>
      </c>
      <c r="C1" s="70"/>
      <c r="D1" s="70"/>
      <c r="E1" s="70"/>
      <c r="F1" s="70"/>
      <c r="G1" s="70"/>
      <c r="H1" s="70"/>
      <c r="I1" s="70"/>
      <c r="J1" s="70"/>
      <c r="K1" s="70"/>
      <c r="L1" s="70"/>
      <c r="M1" s="70"/>
      <c r="N1" s="70"/>
      <c r="O1" s="70"/>
      <c r="P1" s="70"/>
      <c r="Q1" s="70"/>
      <c r="R1" s="70"/>
      <c r="S1" s="70"/>
      <c r="T1" s="70"/>
      <c r="U1" s="70"/>
      <c r="V1" s="70"/>
      <c r="W1" s="70"/>
      <c r="X1" s="70"/>
      <c r="Y1" s="70"/>
      <c r="Z1" s="70"/>
      <c r="AA1" s="70"/>
      <c r="AB1" s="70"/>
      <c r="AC1" s="70"/>
      <c r="AD1" s="70"/>
      <c r="AE1" s="70"/>
      <c r="AF1" s="70"/>
      <c r="AG1" s="70"/>
      <c r="AH1" s="70"/>
      <c r="AI1" s="70"/>
      <c r="AJ1" s="70"/>
      <c r="AK1" s="70"/>
      <c r="AL1" s="70"/>
      <c r="AM1" s="70"/>
      <c r="AN1" s="70"/>
      <c r="AO1" s="70"/>
      <c r="AP1" s="70"/>
      <c r="AQ1" s="70"/>
      <c r="AR1" s="70"/>
      <c r="AS1" s="70"/>
      <c r="AT1" s="70"/>
      <c r="AU1" s="70"/>
      <c r="AV1" s="70"/>
      <c r="AW1" s="70"/>
      <c r="AX1" s="70"/>
      <c r="AY1" s="70"/>
      <c r="AZ1" s="70"/>
      <c r="BA1" s="70"/>
      <c r="BB1" s="70"/>
      <c r="BC1" s="70"/>
      <c r="BD1" s="70"/>
      <c r="BE1" s="70"/>
      <c r="BF1" s="70"/>
      <c r="BG1" s="70"/>
      <c r="BH1" s="70"/>
      <c r="BI1" s="70"/>
      <c r="BJ1" s="22"/>
    </row>
    <row r="2" spans="1:62" ht="3.75" customHeight="1">
      <c r="A2" s="22"/>
      <c r="B2" s="22"/>
      <c r="C2" s="22"/>
      <c r="D2" s="22"/>
      <c r="E2" s="22"/>
      <c r="F2" s="22"/>
      <c r="G2" s="22"/>
      <c r="H2" s="22"/>
      <c r="I2" s="22"/>
      <c r="J2" s="22"/>
      <c r="K2" s="22"/>
      <c r="L2" s="22"/>
      <c r="M2" s="22"/>
      <c r="N2" s="22"/>
      <c r="O2" s="22"/>
      <c r="P2" s="22"/>
      <c r="Q2" s="22"/>
      <c r="R2" s="22"/>
      <c r="S2" s="22"/>
      <c r="T2" s="22"/>
      <c r="U2" s="22"/>
      <c r="V2" s="22"/>
      <c r="W2" s="22"/>
      <c r="X2" s="22"/>
      <c r="Y2" s="22"/>
      <c r="Z2" s="22"/>
      <c r="AA2" s="22"/>
      <c r="AB2" s="22"/>
      <c r="AC2" s="22"/>
      <c r="AD2" s="22"/>
      <c r="AE2" s="22"/>
      <c r="AF2" s="22"/>
      <c r="AG2" s="22"/>
      <c r="AH2" s="22"/>
      <c r="AI2" s="22"/>
      <c r="AJ2" s="22"/>
      <c r="AK2" s="22"/>
      <c r="AL2" s="22"/>
      <c r="AM2" s="22"/>
      <c r="AN2" s="22"/>
      <c r="AO2" s="22"/>
      <c r="AP2" s="22"/>
      <c r="AQ2" s="22"/>
      <c r="AR2" s="22"/>
      <c r="AS2" s="22"/>
      <c r="AT2" s="22"/>
      <c r="AU2" s="22"/>
      <c r="AV2" s="22"/>
      <c r="AW2" s="22"/>
      <c r="AX2" s="22"/>
      <c r="AY2" s="22"/>
      <c r="AZ2" s="22"/>
      <c r="BA2" s="22"/>
      <c r="BB2" s="22"/>
      <c r="BC2" s="22"/>
      <c r="BD2" s="22"/>
      <c r="BE2" s="22"/>
      <c r="BF2" s="22"/>
      <c r="BG2" s="22"/>
      <c r="BH2" s="22"/>
      <c r="BI2" s="22"/>
      <c r="BJ2" s="22"/>
    </row>
    <row r="3" spans="1:62" ht="12" customHeight="1">
      <c r="A3" s="22"/>
      <c r="B3" s="22"/>
      <c r="C3" s="71" t="s">
        <v>66</v>
      </c>
      <c r="D3" s="71"/>
      <c r="E3" s="71"/>
      <c r="F3" s="71"/>
      <c r="G3" s="71"/>
      <c r="H3" s="71"/>
      <c r="I3" s="71"/>
      <c r="J3" s="71"/>
      <c r="K3" s="71"/>
      <c r="L3" s="71"/>
      <c r="M3" s="71"/>
      <c r="N3" s="22"/>
      <c r="O3" s="22"/>
      <c r="P3" s="22"/>
      <c r="Q3" s="22"/>
      <c r="R3" s="22"/>
      <c r="S3" s="22"/>
      <c r="T3" s="22"/>
      <c r="U3" s="22"/>
      <c r="V3" s="22"/>
      <c r="W3" s="22"/>
      <c r="X3" s="22"/>
      <c r="Y3" s="22"/>
      <c r="Z3" s="22"/>
      <c r="AA3" s="22"/>
      <c r="AB3" s="22"/>
      <c r="AC3" s="22"/>
      <c r="AD3" s="22"/>
      <c r="AE3" s="22"/>
      <c r="AF3" s="22"/>
      <c r="AG3" s="22"/>
      <c r="AH3" s="22"/>
      <c r="AI3" s="22"/>
      <c r="AJ3" s="22"/>
      <c r="AK3" s="22"/>
      <c r="AL3" s="22"/>
      <c r="AM3" s="22"/>
      <c r="AN3" s="22"/>
      <c r="AO3" s="22"/>
      <c r="AP3" s="22"/>
      <c r="AQ3" s="22"/>
      <c r="AR3" s="22"/>
      <c r="AS3" s="22"/>
      <c r="AT3" s="22"/>
      <c r="AU3" s="22"/>
      <c r="AV3" s="22"/>
      <c r="AW3" s="22"/>
      <c r="AX3" s="22"/>
      <c r="AY3" s="22"/>
      <c r="AZ3" s="22"/>
      <c r="BA3" s="22"/>
      <c r="BB3" s="22"/>
      <c r="BC3" s="22"/>
      <c r="BD3" s="22"/>
      <c r="BE3" s="22"/>
      <c r="BF3" s="22"/>
      <c r="BG3" s="22"/>
      <c r="BH3" s="22"/>
      <c r="BI3" s="22"/>
      <c r="BJ3" s="22"/>
    </row>
    <row r="4" spans="1:62" ht="13.5" customHeight="1">
      <c r="A4" s="22"/>
      <c r="B4" s="22"/>
      <c r="C4" s="71" t="s">
        <v>65</v>
      </c>
      <c r="D4" s="71"/>
      <c r="E4" s="71"/>
      <c r="F4" s="71"/>
      <c r="G4" s="71"/>
      <c r="H4" s="71"/>
      <c r="I4" s="71"/>
      <c r="J4" s="71"/>
      <c r="K4" s="71"/>
      <c r="L4" s="71"/>
      <c r="M4" s="71"/>
      <c r="N4" s="22"/>
      <c r="O4" s="22"/>
      <c r="P4" s="22"/>
      <c r="Q4" s="22"/>
      <c r="R4" s="22"/>
      <c r="S4" s="22"/>
      <c r="T4" s="22"/>
      <c r="U4" s="22"/>
      <c r="V4" s="22"/>
      <c r="W4" s="22"/>
      <c r="X4" s="22"/>
      <c r="Y4" s="22"/>
      <c r="Z4" s="22"/>
      <c r="AA4" s="22"/>
      <c r="AB4" s="22"/>
      <c r="AC4" s="22"/>
      <c r="AD4" s="22"/>
      <c r="AE4" s="22"/>
      <c r="AF4" s="22"/>
      <c r="AG4" s="22"/>
      <c r="AH4" s="22"/>
      <c r="AI4" s="22"/>
      <c r="AJ4" s="22"/>
      <c r="AK4" s="22"/>
      <c r="AL4" s="22"/>
      <c r="AM4" s="22"/>
      <c r="AN4" s="22"/>
      <c r="AO4" s="22"/>
      <c r="AP4" s="22"/>
      <c r="AQ4" s="22"/>
      <c r="AR4" s="22"/>
      <c r="AS4" s="22"/>
      <c r="AT4" s="22"/>
      <c r="AU4" s="22"/>
      <c r="AV4" s="22"/>
      <c r="AW4" s="22"/>
      <c r="AX4" s="22"/>
      <c r="AY4" s="22"/>
      <c r="AZ4" s="22"/>
      <c r="BA4" s="22"/>
      <c r="BB4" s="22"/>
      <c r="BC4" s="22"/>
      <c r="BD4" s="22"/>
      <c r="BE4" s="22"/>
      <c r="BF4" s="22"/>
      <c r="BG4" s="22"/>
      <c r="BH4" s="22"/>
      <c r="BI4" s="22"/>
      <c r="BJ4" s="22"/>
    </row>
    <row r="5" spans="1:62" ht="4.5" customHeight="1">
      <c r="A5" s="22"/>
      <c r="B5" s="22"/>
      <c r="C5" s="22"/>
      <c r="D5" s="22"/>
      <c r="E5" s="22"/>
      <c r="F5" s="22"/>
      <c r="G5" s="22"/>
      <c r="H5" s="22"/>
      <c r="I5" s="22"/>
      <c r="J5" s="22"/>
      <c r="K5" s="22"/>
      <c r="L5" s="22"/>
      <c r="M5" s="22"/>
      <c r="N5" s="22"/>
      <c r="O5" s="22"/>
      <c r="P5" s="22"/>
      <c r="Q5" s="22"/>
      <c r="R5" s="22"/>
      <c r="S5" s="22"/>
      <c r="T5" s="22"/>
      <c r="U5" s="22"/>
      <c r="V5" s="22"/>
      <c r="W5" s="22"/>
      <c r="X5" s="22"/>
      <c r="Y5" s="22"/>
      <c r="Z5" s="22"/>
      <c r="AA5" s="22"/>
      <c r="AB5" s="22"/>
      <c r="AC5" s="22"/>
      <c r="AD5" s="22"/>
      <c r="AE5" s="22"/>
      <c r="AF5" s="22"/>
      <c r="AG5" s="22"/>
      <c r="AH5" s="22"/>
      <c r="AI5" s="22"/>
      <c r="AJ5" s="22"/>
      <c r="AK5" s="22"/>
      <c r="AL5" s="22"/>
      <c r="AM5" s="22"/>
      <c r="AN5" s="22"/>
      <c r="AO5" s="22"/>
      <c r="AP5" s="22"/>
      <c r="AQ5" s="22"/>
      <c r="AR5" s="22"/>
      <c r="AS5" s="22"/>
      <c r="AT5" s="22"/>
      <c r="AU5" s="22"/>
      <c r="AV5" s="22"/>
      <c r="AW5" s="22"/>
      <c r="AX5" s="22"/>
      <c r="AY5" s="22"/>
      <c r="AZ5" s="22"/>
      <c r="BA5" s="22"/>
      <c r="BB5" s="22"/>
      <c r="BC5" s="22"/>
      <c r="BD5" s="22"/>
      <c r="BE5" s="22"/>
      <c r="BF5" s="22"/>
      <c r="BG5" s="22"/>
      <c r="BH5" s="22"/>
      <c r="BI5" s="22"/>
      <c r="BJ5" s="22"/>
    </row>
    <row r="6" spans="1:62" ht="12.75" customHeight="1">
      <c r="A6" s="22"/>
      <c r="B6" s="22"/>
      <c r="C6" s="2" t="s">
        <v>104</v>
      </c>
      <c r="D6" s="21"/>
      <c r="E6" s="21"/>
      <c r="F6" s="21"/>
      <c r="G6" s="21"/>
      <c r="H6" s="21"/>
      <c r="I6" s="21"/>
      <c r="J6" s="21"/>
      <c r="K6" s="21"/>
      <c r="L6" s="21"/>
      <c r="M6" s="21"/>
      <c r="N6" s="21"/>
      <c r="O6" s="21"/>
      <c r="P6" s="21"/>
      <c r="Q6" s="21"/>
      <c r="R6" s="21"/>
      <c r="S6" s="21"/>
      <c r="T6" s="21"/>
      <c r="U6" s="21"/>
      <c r="V6" s="21"/>
      <c r="W6" s="21"/>
      <c r="X6" s="21"/>
      <c r="Y6" s="21"/>
      <c r="Z6" s="21"/>
      <c r="AA6" s="21"/>
      <c r="AB6" s="21"/>
      <c r="AC6" s="21"/>
      <c r="AD6" s="21"/>
      <c r="AE6" s="21"/>
      <c r="AF6" s="21"/>
      <c r="AG6" s="21"/>
      <c r="AH6" s="21"/>
      <c r="AI6" s="21"/>
      <c r="AJ6" s="21"/>
      <c r="AK6" s="21"/>
      <c r="AL6" s="21"/>
      <c r="AM6" s="21"/>
      <c r="AN6" s="21"/>
      <c r="AO6" s="21"/>
      <c r="AP6" s="21"/>
      <c r="AQ6" s="21"/>
      <c r="AR6" s="21"/>
      <c r="AS6" s="21"/>
      <c r="AT6" s="21"/>
      <c r="AU6" s="21"/>
      <c r="AV6" s="21"/>
      <c r="AW6" s="21"/>
      <c r="AX6" s="21"/>
      <c r="AY6" s="21"/>
      <c r="AZ6" s="21"/>
      <c r="BA6" s="21"/>
      <c r="BB6" s="21"/>
      <c r="BC6" s="21"/>
      <c r="BD6" s="21"/>
      <c r="BE6" s="21"/>
      <c r="BF6" s="21"/>
      <c r="BG6" s="21"/>
      <c r="BH6" s="21"/>
      <c r="BI6" s="22"/>
      <c r="BJ6" s="22"/>
    </row>
    <row r="7" spans="1:62" ht="15" customHeight="1">
      <c r="A7" s="22"/>
      <c r="B7" s="2"/>
      <c r="C7" s="72" t="s">
        <v>64</v>
      </c>
      <c r="D7" s="72"/>
      <c r="E7" s="72"/>
      <c r="F7" s="72"/>
      <c r="G7" s="72"/>
      <c r="H7" s="72"/>
      <c r="I7" s="72"/>
      <c r="J7" s="72"/>
      <c r="K7" s="73"/>
      <c r="L7" s="74"/>
      <c r="M7" s="74"/>
      <c r="N7" s="74"/>
      <c r="O7" s="74"/>
      <c r="P7" s="74"/>
      <c r="Q7" s="74"/>
      <c r="R7" s="74"/>
      <c r="S7" s="74"/>
      <c r="T7" s="74"/>
      <c r="U7" s="74"/>
      <c r="V7" s="74"/>
      <c r="W7" s="74"/>
      <c r="X7" s="74"/>
      <c r="Y7" s="74"/>
      <c r="Z7" s="74"/>
      <c r="AA7" s="74"/>
      <c r="AB7" s="74"/>
      <c r="AC7" s="74"/>
      <c r="AD7" s="75"/>
      <c r="AE7" s="76" t="s">
        <v>63</v>
      </c>
      <c r="AF7" s="77"/>
      <c r="AG7" s="77"/>
      <c r="AH7" s="77"/>
      <c r="AI7" s="77"/>
      <c r="AJ7" s="77"/>
      <c r="AK7" s="77"/>
      <c r="AL7" s="77"/>
      <c r="AM7" s="77"/>
      <c r="AN7" s="78"/>
      <c r="AO7" s="76" t="s">
        <v>62</v>
      </c>
      <c r="AP7" s="79"/>
      <c r="AQ7" s="79"/>
      <c r="AR7" s="79"/>
      <c r="AS7" s="80"/>
      <c r="AT7" s="80"/>
      <c r="AU7" s="80"/>
      <c r="AV7" s="80"/>
      <c r="AW7" s="80"/>
      <c r="AX7" s="80"/>
      <c r="AY7" s="80"/>
      <c r="AZ7" s="80"/>
      <c r="BA7" s="80"/>
      <c r="BB7" s="80"/>
      <c r="BC7" s="80"/>
      <c r="BD7" s="80"/>
      <c r="BE7" s="80"/>
      <c r="BF7" s="80"/>
      <c r="BG7" s="80"/>
      <c r="BH7" s="78"/>
      <c r="BI7" s="22"/>
      <c r="BJ7" s="22"/>
    </row>
    <row r="8" spans="1:62" ht="17.25" customHeight="1">
      <c r="A8" s="22"/>
      <c r="B8" s="2"/>
      <c r="C8" s="95" t="s">
        <v>61</v>
      </c>
      <c r="D8" s="96"/>
      <c r="E8" s="96"/>
      <c r="F8" s="96"/>
      <c r="G8" s="96"/>
      <c r="H8" s="96"/>
      <c r="I8" s="96"/>
      <c r="J8" s="97"/>
      <c r="K8" s="81"/>
      <c r="L8" s="82"/>
      <c r="M8" s="82"/>
      <c r="N8" s="82"/>
      <c r="O8" s="82"/>
      <c r="P8" s="82"/>
      <c r="Q8" s="82"/>
      <c r="R8" s="82"/>
      <c r="S8" s="82"/>
      <c r="T8" s="82"/>
      <c r="U8" s="82"/>
      <c r="V8" s="82"/>
      <c r="W8" s="82"/>
      <c r="X8" s="82"/>
      <c r="Y8" s="82"/>
      <c r="Z8" s="82"/>
      <c r="AA8" s="82"/>
      <c r="AB8" s="82"/>
      <c r="AC8" s="82"/>
      <c r="AD8" s="83"/>
      <c r="AE8" s="87" t="s">
        <v>60</v>
      </c>
      <c r="AF8" s="77"/>
      <c r="AG8" s="77"/>
      <c r="AH8" s="77"/>
      <c r="AI8" s="77"/>
      <c r="AJ8" s="77"/>
      <c r="AK8" s="77"/>
      <c r="AL8" s="77"/>
      <c r="AM8" s="77"/>
      <c r="AN8" s="88"/>
      <c r="AO8" s="89"/>
      <c r="AP8" s="90"/>
      <c r="AQ8" s="91"/>
      <c r="AR8" s="92"/>
      <c r="AS8" s="91"/>
      <c r="AT8" s="92"/>
      <c r="AU8" s="91"/>
      <c r="AV8" s="92"/>
      <c r="AW8" s="91"/>
      <c r="AX8" s="92"/>
      <c r="AY8" s="91"/>
      <c r="AZ8" s="92"/>
      <c r="BA8" s="91"/>
      <c r="BB8" s="92"/>
      <c r="BC8" s="91"/>
      <c r="BD8" s="92"/>
      <c r="BE8" s="91"/>
      <c r="BF8" s="91"/>
      <c r="BG8" s="101"/>
      <c r="BH8" s="102"/>
      <c r="BI8" s="22"/>
      <c r="BJ8" s="22"/>
    </row>
    <row r="9" spans="1:62" ht="17.25" customHeight="1">
      <c r="A9" s="22"/>
      <c r="B9" s="2"/>
      <c r="C9" s="98"/>
      <c r="D9" s="99"/>
      <c r="E9" s="99"/>
      <c r="F9" s="99"/>
      <c r="G9" s="99"/>
      <c r="H9" s="99"/>
      <c r="I9" s="99"/>
      <c r="J9" s="100"/>
      <c r="K9" s="84"/>
      <c r="L9" s="85"/>
      <c r="M9" s="85"/>
      <c r="N9" s="85"/>
      <c r="O9" s="85"/>
      <c r="P9" s="85"/>
      <c r="Q9" s="85"/>
      <c r="R9" s="85"/>
      <c r="S9" s="85"/>
      <c r="T9" s="85"/>
      <c r="U9" s="85"/>
      <c r="V9" s="85"/>
      <c r="W9" s="85"/>
      <c r="X9" s="85"/>
      <c r="Y9" s="85"/>
      <c r="Z9" s="85"/>
      <c r="AA9" s="85"/>
      <c r="AB9" s="85"/>
      <c r="AC9" s="85"/>
      <c r="AD9" s="86"/>
      <c r="AE9" s="103" t="s">
        <v>59</v>
      </c>
      <c r="AF9" s="104"/>
      <c r="AG9" s="104"/>
      <c r="AH9" s="104"/>
      <c r="AI9" s="104"/>
      <c r="AJ9" s="105"/>
      <c r="AK9" s="106"/>
      <c r="AL9" s="107"/>
      <c r="AM9" s="91"/>
      <c r="AN9" s="92"/>
      <c r="AO9" s="91"/>
      <c r="AP9" s="92"/>
      <c r="AQ9" s="91"/>
      <c r="AR9" s="92"/>
      <c r="AS9" s="91"/>
      <c r="AT9" s="92"/>
      <c r="AU9" s="91"/>
      <c r="AV9" s="92"/>
      <c r="AW9" s="91"/>
      <c r="AX9" s="92"/>
      <c r="AY9" s="91"/>
      <c r="AZ9" s="92"/>
      <c r="BA9" s="91"/>
      <c r="BB9" s="92"/>
      <c r="BC9" s="91"/>
      <c r="BD9" s="92"/>
      <c r="BE9" s="91"/>
      <c r="BF9" s="92"/>
      <c r="BG9" s="93"/>
      <c r="BH9" s="94"/>
      <c r="BI9" s="22"/>
      <c r="BJ9" s="22"/>
    </row>
    <row r="10" spans="1:62" ht="15" customHeight="1">
      <c r="A10" s="22"/>
      <c r="B10" s="2"/>
      <c r="C10" s="119" t="s">
        <v>58</v>
      </c>
      <c r="D10" s="120"/>
      <c r="E10" s="120"/>
      <c r="F10" s="120"/>
      <c r="G10" s="120"/>
      <c r="H10" s="120"/>
      <c r="I10" s="120"/>
      <c r="J10" s="121"/>
      <c r="K10" s="122" t="s">
        <v>57</v>
      </c>
      <c r="L10" s="80"/>
      <c r="M10" s="80"/>
      <c r="N10" s="80"/>
      <c r="O10" s="80"/>
      <c r="P10" s="80"/>
      <c r="Q10" s="80"/>
      <c r="R10" s="80"/>
      <c r="S10" s="80"/>
      <c r="T10" s="80"/>
      <c r="U10" s="80"/>
      <c r="V10" s="80"/>
      <c r="W10" s="80"/>
      <c r="X10" s="80"/>
      <c r="Y10" s="80"/>
      <c r="Z10" s="80"/>
      <c r="AA10" s="80"/>
      <c r="AB10" s="80"/>
      <c r="AC10" s="80"/>
      <c r="AD10" s="78"/>
      <c r="AE10" s="123" t="s">
        <v>56</v>
      </c>
      <c r="AF10" s="124"/>
      <c r="AG10" s="124"/>
      <c r="AH10" s="124"/>
      <c r="AI10" s="124"/>
      <c r="AJ10" s="124"/>
      <c r="AK10" s="124"/>
      <c r="AL10" s="124"/>
      <c r="AM10" s="124"/>
      <c r="AN10" s="125"/>
      <c r="AO10" s="87" t="s">
        <v>55</v>
      </c>
      <c r="AP10" s="77"/>
      <c r="AQ10" s="77"/>
      <c r="AR10" s="77"/>
      <c r="AS10" s="77"/>
      <c r="AT10" s="77"/>
      <c r="AU10" s="77"/>
      <c r="AV10" s="77"/>
      <c r="AW10" s="77"/>
      <c r="AX10" s="77"/>
      <c r="AY10" s="77"/>
      <c r="AZ10" s="77"/>
      <c r="BA10" s="77"/>
      <c r="BB10" s="77"/>
      <c r="BC10" s="77"/>
      <c r="BD10" s="77"/>
      <c r="BE10" s="77"/>
      <c r="BF10" s="77"/>
      <c r="BG10" s="77"/>
      <c r="BH10" s="88"/>
      <c r="BI10" s="22"/>
      <c r="BJ10" s="22"/>
    </row>
    <row r="11" spans="1:62" ht="17.25" customHeight="1">
      <c r="A11" s="22"/>
      <c r="B11" s="2"/>
      <c r="C11" s="95" t="s">
        <v>54</v>
      </c>
      <c r="D11" s="126"/>
      <c r="E11" s="126"/>
      <c r="F11" s="126"/>
      <c r="G11" s="126"/>
      <c r="H11" s="126"/>
      <c r="I11" s="126"/>
      <c r="J11" s="127"/>
      <c r="K11" s="19" t="s">
        <v>46</v>
      </c>
      <c r="L11" s="20"/>
      <c r="M11" s="131"/>
      <c r="N11" s="131"/>
      <c r="O11" s="131"/>
      <c r="P11" s="131"/>
      <c r="Q11" s="131"/>
      <c r="R11" s="131"/>
      <c r="S11" s="131"/>
      <c r="T11" s="131"/>
      <c r="U11" s="131"/>
      <c r="V11" s="131"/>
      <c r="W11" s="131"/>
      <c r="X11" s="131"/>
      <c r="Y11" s="131"/>
      <c r="Z11" s="131"/>
      <c r="AA11" s="131"/>
      <c r="AB11" s="131"/>
      <c r="AC11" s="131"/>
      <c r="AD11" s="131"/>
      <c r="AE11" s="131"/>
      <c r="AF11" s="131"/>
      <c r="AG11" s="131"/>
      <c r="AH11" s="131"/>
      <c r="AI11" s="131"/>
      <c r="AJ11" s="131"/>
      <c r="AK11" s="131"/>
      <c r="AL11" s="131"/>
      <c r="AM11" s="131"/>
      <c r="AN11" s="131"/>
      <c r="AO11" s="131"/>
      <c r="AP11" s="131"/>
      <c r="AQ11" s="131"/>
      <c r="AR11" s="131"/>
      <c r="AS11" s="131"/>
      <c r="AT11" s="131"/>
      <c r="AU11" s="131"/>
      <c r="AV11" s="131"/>
      <c r="AW11" s="131"/>
      <c r="AX11" s="131"/>
      <c r="AY11" s="131"/>
      <c r="AZ11" s="131"/>
      <c r="BA11" s="131"/>
      <c r="BB11" s="131"/>
      <c r="BC11" s="131"/>
      <c r="BD11" s="131"/>
      <c r="BE11" s="131"/>
      <c r="BF11" s="131"/>
      <c r="BG11" s="131"/>
      <c r="BH11" s="132"/>
      <c r="BI11" s="22"/>
      <c r="BJ11" s="22"/>
    </row>
    <row r="12" spans="1:62" ht="17.25" customHeight="1">
      <c r="A12" s="22"/>
      <c r="B12" s="2"/>
      <c r="C12" s="128"/>
      <c r="D12" s="129"/>
      <c r="E12" s="129"/>
      <c r="F12" s="129"/>
      <c r="G12" s="129"/>
      <c r="H12" s="129"/>
      <c r="I12" s="129"/>
      <c r="J12" s="130"/>
      <c r="K12" s="133"/>
      <c r="L12" s="134"/>
      <c r="M12" s="134"/>
      <c r="N12" s="134"/>
      <c r="O12" s="134"/>
      <c r="P12" s="134"/>
      <c r="Q12" s="134"/>
      <c r="R12" s="134"/>
      <c r="S12" s="134"/>
      <c r="T12" s="134"/>
      <c r="U12" s="134"/>
      <c r="V12" s="134"/>
      <c r="W12" s="134"/>
      <c r="X12" s="134"/>
      <c r="Y12" s="134"/>
      <c r="Z12" s="134"/>
      <c r="AA12" s="134"/>
      <c r="AB12" s="134"/>
      <c r="AC12" s="134"/>
      <c r="AD12" s="134"/>
      <c r="AE12" s="134"/>
      <c r="AF12" s="134"/>
      <c r="AG12" s="134"/>
      <c r="AH12" s="134"/>
      <c r="AI12" s="134"/>
      <c r="AJ12" s="134"/>
      <c r="AK12" s="134"/>
      <c r="AL12" s="50"/>
      <c r="AM12" s="50"/>
      <c r="AN12" s="135" t="s">
        <v>53</v>
      </c>
      <c r="AO12" s="135"/>
      <c r="AP12" s="135"/>
      <c r="AQ12" s="135"/>
      <c r="AR12" s="135"/>
      <c r="AS12" s="135"/>
      <c r="AT12" s="135"/>
      <c r="AU12" s="135"/>
      <c r="AV12" s="135"/>
      <c r="AW12" s="135"/>
      <c r="AX12" s="135"/>
      <c r="AY12" s="135"/>
      <c r="AZ12" s="135"/>
      <c r="BA12" s="135"/>
      <c r="BB12" s="135"/>
      <c r="BC12" s="135"/>
      <c r="BD12" s="135"/>
      <c r="BE12" s="135"/>
      <c r="BF12" s="135"/>
      <c r="BG12" s="135"/>
      <c r="BH12" s="136"/>
      <c r="BI12" s="22"/>
      <c r="BJ12" s="22"/>
    </row>
    <row r="13" spans="1:62" ht="18" customHeight="1">
      <c r="A13" s="65"/>
      <c r="B13" s="2"/>
      <c r="C13" s="161" t="s">
        <v>115</v>
      </c>
      <c r="D13" s="162"/>
      <c r="E13" s="162"/>
      <c r="F13" s="162"/>
      <c r="G13" s="162"/>
      <c r="H13" s="162"/>
      <c r="I13" s="162"/>
      <c r="J13" s="163"/>
      <c r="K13" s="170" t="s">
        <v>108</v>
      </c>
      <c r="L13" s="171"/>
      <c r="M13" s="171"/>
      <c r="N13" s="171"/>
      <c r="O13" s="171"/>
      <c r="P13" s="171"/>
      <c r="Q13" s="171"/>
      <c r="R13" s="171"/>
      <c r="S13" s="171"/>
      <c r="T13" s="171"/>
      <c r="U13" s="171"/>
      <c r="V13" s="171"/>
      <c r="W13" s="172"/>
      <c r="X13" s="170" t="s">
        <v>110</v>
      </c>
      <c r="Y13" s="171"/>
      <c r="Z13" s="171"/>
      <c r="AA13" s="171"/>
      <c r="AB13" s="171"/>
      <c r="AC13" s="171"/>
      <c r="AD13" s="171"/>
      <c r="AE13" s="171"/>
      <c r="AF13" s="171"/>
      <c r="AG13" s="171"/>
      <c r="AH13" s="171"/>
      <c r="AI13" s="171"/>
      <c r="AJ13" s="171"/>
      <c r="AK13" s="171"/>
      <c r="AL13" s="171"/>
      <c r="AM13" s="171"/>
      <c r="AN13" s="172"/>
      <c r="AO13" s="173" t="s">
        <v>114</v>
      </c>
      <c r="AP13" s="174"/>
      <c r="AQ13" s="174"/>
      <c r="AR13" s="174"/>
      <c r="AS13" s="174"/>
      <c r="AT13" s="174"/>
      <c r="AU13" s="174"/>
      <c r="AV13" s="174"/>
      <c r="AW13" s="174"/>
      <c r="AX13" s="174"/>
      <c r="AY13" s="174"/>
      <c r="AZ13" s="174"/>
      <c r="BA13" s="174"/>
      <c r="BB13" s="174"/>
      <c r="BC13" s="174"/>
      <c r="BD13" s="174"/>
      <c r="BE13" s="174"/>
      <c r="BF13" s="174"/>
      <c r="BG13" s="174"/>
      <c r="BH13" s="175"/>
      <c r="BI13" s="65"/>
    </row>
    <row r="14" spans="1:62" s="62" customFormat="1" ht="15" customHeight="1">
      <c r="A14" s="2"/>
      <c r="B14" s="2"/>
      <c r="C14" s="164"/>
      <c r="D14" s="165"/>
      <c r="E14" s="165"/>
      <c r="F14" s="165"/>
      <c r="G14" s="165"/>
      <c r="H14" s="165"/>
      <c r="I14" s="165"/>
      <c r="J14" s="166"/>
      <c r="K14" s="179" t="s">
        <v>113</v>
      </c>
      <c r="L14" s="180"/>
      <c r="M14" s="180"/>
      <c r="N14" s="180"/>
      <c r="O14" s="180"/>
      <c r="P14" s="180"/>
      <c r="Q14" s="180"/>
      <c r="R14" s="180"/>
      <c r="S14" s="180"/>
      <c r="T14" s="180"/>
      <c r="U14" s="180"/>
      <c r="V14" s="180"/>
      <c r="W14" s="180"/>
      <c r="X14" s="180"/>
      <c r="Y14" s="180"/>
      <c r="Z14" s="180"/>
      <c r="AA14" s="180"/>
      <c r="AB14" s="180"/>
      <c r="AC14" s="180"/>
      <c r="AD14" s="180"/>
      <c r="AE14" s="180"/>
      <c r="AF14" s="180"/>
      <c r="AG14" s="180"/>
      <c r="AH14" s="180"/>
      <c r="AI14" s="180"/>
      <c r="AJ14" s="180"/>
      <c r="AK14" s="180"/>
      <c r="AL14" s="180"/>
      <c r="AM14" s="180"/>
      <c r="AN14" s="181"/>
      <c r="AO14" s="176"/>
      <c r="AP14" s="177"/>
      <c r="AQ14" s="177"/>
      <c r="AR14" s="177"/>
      <c r="AS14" s="177"/>
      <c r="AT14" s="177"/>
      <c r="AU14" s="177"/>
      <c r="AV14" s="177"/>
      <c r="AW14" s="177"/>
      <c r="AX14" s="177"/>
      <c r="AY14" s="177"/>
      <c r="AZ14" s="177"/>
      <c r="BA14" s="177"/>
      <c r="BB14" s="177"/>
      <c r="BC14" s="177"/>
      <c r="BD14" s="177"/>
      <c r="BE14" s="177"/>
      <c r="BF14" s="177"/>
      <c r="BG14" s="177"/>
      <c r="BH14" s="178"/>
      <c r="BI14" s="2"/>
    </row>
    <row r="15" spans="1:62" s="64" customFormat="1" ht="11.25" customHeight="1">
      <c r="A15" s="63"/>
      <c r="B15" s="63"/>
      <c r="C15" s="164"/>
      <c r="D15" s="165"/>
      <c r="E15" s="165"/>
      <c r="F15" s="165"/>
      <c r="G15" s="165"/>
      <c r="H15" s="165"/>
      <c r="I15" s="165"/>
      <c r="J15" s="166"/>
      <c r="K15" s="212" t="s">
        <v>107</v>
      </c>
      <c r="L15" s="213"/>
      <c r="M15" s="213"/>
      <c r="N15" s="213"/>
      <c r="O15" s="213"/>
      <c r="P15" s="213"/>
      <c r="Q15" s="213"/>
      <c r="R15" s="213"/>
      <c r="S15" s="213"/>
      <c r="T15" s="213"/>
      <c r="U15" s="213"/>
      <c r="V15" s="213"/>
      <c r="W15" s="213"/>
      <c r="X15" s="213"/>
      <c r="Y15" s="213"/>
      <c r="Z15" s="213"/>
      <c r="AA15" s="213"/>
      <c r="AB15" s="213"/>
      <c r="AC15" s="213"/>
      <c r="AD15" s="213"/>
      <c r="AE15" s="213"/>
      <c r="AF15" s="213"/>
      <c r="AG15" s="213"/>
      <c r="AH15" s="213"/>
      <c r="AI15" s="213"/>
      <c r="AJ15" s="213"/>
      <c r="AK15" s="213"/>
      <c r="AL15" s="213"/>
      <c r="AM15" s="213"/>
      <c r="AN15" s="214"/>
      <c r="AO15" s="215" t="s">
        <v>111</v>
      </c>
      <c r="AP15" s="174"/>
      <c r="AQ15" s="174"/>
      <c r="AR15" s="174"/>
      <c r="AS15" s="174"/>
      <c r="AT15" s="174"/>
      <c r="AU15" s="174"/>
      <c r="AV15" s="174"/>
      <c r="AW15" s="174"/>
      <c r="AX15" s="174"/>
      <c r="AY15" s="174"/>
      <c r="AZ15" s="174"/>
      <c r="BA15" s="174"/>
      <c r="BB15" s="174"/>
      <c r="BC15" s="174"/>
      <c r="BD15" s="174"/>
      <c r="BE15" s="174"/>
      <c r="BF15" s="174"/>
      <c r="BG15" s="174"/>
      <c r="BH15" s="175"/>
      <c r="BI15" s="63"/>
    </row>
    <row r="16" spans="1:62" ht="12.75" customHeight="1">
      <c r="A16" s="65"/>
      <c r="B16" s="2"/>
      <c r="C16" s="167"/>
      <c r="D16" s="168"/>
      <c r="E16" s="168"/>
      <c r="F16" s="168"/>
      <c r="G16" s="168"/>
      <c r="H16" s="168"/>
      <c r="I16" s="168"/>
      <c r="J16" s="169"/>
      <c r="K16" s="66"/>
      <c r="L16" s="67"/>
      <c r="M16" s="67"/>
      <c r="N16" s="67"/>
      <c r="O16" s="67"/>
      <c r="P16" s="67"/>
      <c r="Q16" s="219" t="s">
        <v>109</v>
      </c>
      <c r="R16" s="219"/>
      <c r="S16" s="219"/>
      <c r="T16" s="219"/>
      <c r="U16" s="219"/>
      <c r="V16" s="219"/>
      <c r="W16" s="219"/>
      <c r="X16" s="219"/>
      <c r="Y16" s="219"/>
      <c r="Z16" s="219"/>
      <c r="AA16" s="219"/>
      <c r="AB16" s="219"/>
      <c r="AC16" s="219"/>
      <c r="AD16" s="219"/>
      <c r="AE16" s="219"/>
      <c r="AF16" s="219"/>
      <c r="AG16" s="219"/>
      <c r="AH16" s="219"/>
      <c r="AI16" s="219"/>
      <c r="AJ16" s="219"/>
      <c r="AK16" s="219"/>
      <c r="AL16" s="219"/>
      <c r="AM16" s="219"/>
      <c r="AN16" s="220"/>
      <c r="AO16" s="216"/>
      <c r="AP16" s="217"/>
      <c r="AQ16" s="217"/>
      <c r="AR16" s="217"/>
      <c r="AS16" s="217"/>
      <c r="AT16" s="217"/>
      <c r="AU16" s="217"/>
      <c r="AV16" s="217"/>
      <c r="AW16" s="217"/>
      <c r="AX16" s="217"/>
      <c r="AY16" s="217"/>
      <c r="AZ16" s="217"/>
      <c r="BA16" s="217"/>
      <c r="BB16" s="217"/>
      <c r="BC16" s="217"/>
      <c r="BD16" s="217"/>
      <c r="BE16" s="217"/>
      <c r="BF16" s="217"/>
      <c r="BG16" s="217"/>
      <c r="BH16" s="218"/>
      <c r="BI16" s="65"/>
    </row>
    <row r="17" spans="1:62" ht="17.25" customHeight="1">
      <c r="A17" s="22"/>
      <c r="B17" s="2"/>
      <c r="C17" s="137" t="s">
        <v>52</v>
      </c>
      <c r="D17" s="138"/>
      <c r="E17" s="138"/>
      <c r="F17" s="138"/>
      <c r="G17" s="138"/>
      <c r="H17" s="138"/>
      <c r="I17" s="138"/>
      <c r="J17" s="139"/>
      <c r="K17" s="149" t="s">
        <v>51</v>
      </c>
      <c r="L17" s="150"/>
      <c r="M17" s="150"/>
      <c r="N17" s="150"/>
      <c r="O17" s="150"/>
      <c r="P17" s="150"/>
      <c r="Q17" s="150"/>
      <c r="R17" s="150"/>
      <c r="S17" s="150"/>
      <c r="T17" s="150"/>
      <c r="U17" s="150"/>
      <c r="V17" s="150"/>
      <c r="W17" s="150"/>
      <c r="X17" s="150"/>
      <c r="Y17" s="150"/>
      <c r="Z17" s="150"/>
      <c r="AA17" s="150"/>
      <c r="AB17" s="150"/>
      <c r="AC17" s="151"/>
      <c r="AD17" s="143" t="s">
        <v>48</v>
      </c>
      <c r="AE17" s="144"/>
      <c r="AF17" s="144"/>
      <c r="AG17" s="144"/>
      <c r="AH17" s="144"/>
      <c r="AI17" s="144"/>
      <c r="AJ17" s="144"/>
      <c r="AK17" s="144"/>
      <c r="AL17" s="144"/>
      <c r="AM17" s="145"/>
      <c r="AN17" s="155"/>
      <c r="AO17" s="156"/>
      <c r="AP17" s="156"/>
      <c r="AQ17" s="156"/>
      <c r="AR17" s="156"/>
      <c r="AS17" s="156"/>
      <c r="AT17" s="156"/>
      <c r="AU17" s="156"/>
      <c r="AV17" s="156"/>
      <c r="AW17" s="156"/>
      <c r="AX17" s="156"/>
      <c r="AY17" s="156"/>
      <c r="AZ17" s="156"/>
      <c r="BA17" s="156"/>
      <c r="BB17" s="156"/>
      <c r="BC17" s="156"/>
      <c r="BD17" s="156"/>
      <c r="BE17" s="156"/>
      <c r="BF17" s="156"/>
      <c r="BG17" s="156"/>
      <c r="BH17" s="157"/>
      <c r="BI17" s="22"/>
      <c r="BJ17" s="22"/>
    </row>
    <row r="18" spans="1:62" ht="17.25" customHeight="1">
      <c r="A18" s="22"/>
      <c r="B18" s="2"/>
      <c r="C18" s="140"/>
      <c r="D18" s="141"/>
      <c r="E18" s="141"/>
      <c r="F18" s="141"/>
      <c r="G18" s="141"/>
      <c r="H18" s="141"/>
      <c r="I18" s="141"/>
      <c r="J18" s="142"/>
      <c r="K18" s="152"/>
      <c r="L18" s="153"/>
      <c r="M18" s="153"/>
      <c r="N18" s="153"/>
      <c r="O18" s="153"/>
      <c r="P18" s="153"/>
      <c r="Q18" s="153"/>
      <c r="R18" s="153"/>
      <c r="S18" s="153"/>
      <c r="T18" s="153"/>
      <c r="U18" s="153"/>
      <c r="V18" s="153"/>
      <c r="W18" s="153"/>
      <c r="X18" s="153"/>
      <c r="Y18" s="153"/>
      <c r="Z18" s="153"/>
      <c r="AA18" s="153"/>
      <c r="AB18" s="153"/>
      <c r="AC18" s="154"/>
      <c r="AD18" s="146"/>
      <c r="AE18" s="147"/>
      <c r="AF18" s="147"/>
      <c r="AG18" s="147"/>
      <c r="AH18" s="147"/>
      <c r="AI18" s="147"/>
      <c r="AJ18" s="147"/>
      <c r="AK18" s="147"/>
      <c r="AL18" s="147"/>
      <c r="AM18" s="148"/>
      <c r="AN18" s="158"/>
      <c r="AO18" s="159"/>
      <c r="AP18" s="159"/>
      <c r="AQ18" s="159"/>
      <c r="AR18" s="159"/>
      <c r="AS18" s="159"/>
      <c r="AT18" s="159"/>
      <c r="AU18" s="159"/>
      <c r="AV18" s="159"/>
      <c r="AW18" s="159"/>
      <c r="AX18" s="159"/>
      <c r="AY18" s="159"/>
      <c r="AZ18" s="159"/>
      <c r="BA18" s="159"/>
      <c r="BB18" s="159"/>
      <c r="BC18" s="159"/>
      <c r="BD18" s="159"/>
      <c r="BE18" s="159"/>
      <c r="BF18" s="159"/>
      <c r="BG18" s="159"/>
      <c r="BH18" s="160"/>
      <c r="BI18" s="22"/>
      <c r="BJ18" s="22"/>
    </row>
    <row r="19" spans="1:62" ht="17.25" customHeight="1">
      <c r="A19" s="22"/>
      <c r="B19" s="2"/>
      <c r="C19" s="95" t="s">
        <v>50</v>
      </c>
      <c r="D19" s="126"/>
      <c r="E19" s="126"/>
      <c r="F19" s="126"/>
      <c r="G19" s="126"/>
      <c r="H19" s="126"/>
      <c r="I19" s="126"/>
      <c r="J19" s="127"/>
      <c r="K19" s="149" t="s">
        <v>49</v>
      </c>
      <c r="L19" s="150"/>
      <c r="M19" s="150"/>
      <c r="N19" s="150"/>
      <c r="O19" s="150"/>
      <c r="P19" s="150"/>
      <c r="Q19" s="150"/>
      <c r="R19" s="150"/>
      <c r="S19" s="150"/>
      <c r="T19" s="150"/>
      <c r="U19" s="150"/>
      <c r="V19" s="150"/>
      <c r="W19" s="150"/>
      <c r="X19" s="150"/>
      <c r="Y19" s="150"/>
      <c r="Z19" s="150"/>
      <c r="AA19" s="150"/>
      <c r="AB19" s="150"/>
      <c r="AC19" s="151"/>
      <c r="AD19" s="143" t="s">
        <v>48</v>
      </c>
      <c r="AE19" s="144"/>
      <c r="AF19" s="144"/>
      <c r="AG19" s="144"/>
      <c r="AH19" s="144"/>
      <c r="AI19" s="144"/>
      <c r="AJ19" s="144"/>
      <c r="AK19" s="144"/>
      <c r="AL19" s="144"/>
      <c r="AM19" s="145"/>
      <c r="AN19" s="155"/>
      <c r="AO19" s="156"/>
      <c r="AP19" s="156"/>
      <c r="AQ19" s="156"/>
      <c r="AR19" s="156"/>
      <c r="AS19" s="156"/>
      <c r="AT19" s="156"/>
      <c r="AU19" s="156"/>
      <c r="AV19" s="156"/>
      <c r="AW19" s="156"/>
      <c r="AX19" s="156"/>
      <c r="AY19" s="156"/>
      <c r="AZ19" s="156"/>
      <c r="BA19" s="156"/>
      <c r="BB19" s="156"/>
      <c r="BC19" s="156"/>
      <c r="BD19" s="156"/>
      <c r="BE19" s="156"/>
      <c r="BF19" s="156"/>
      <c r="BG19" s="156"/>
      <c r="BH19" s="157"/>
      <c r="BI19" s="22"/>
      <c r="BJ19" s="22"/>
    </row>
    <row r="20" spans="1:62" ht="17.25" customHeight="1">
      <c r="A20" s="22"/>
      <c r="B20" s="2"/>
      <c r="C20" s="128"/>
      <c r="D20" s="129"/>
      <c r="E20" s="129"/>
      <c r="F20" s="129"/>
      <c r="G20" s="129"/>
      <c r="H20" s="129"/>
      <c r="I20" s="129"/>
      <c r="J20" s="130"/>
      <c r="K20" s="152"/>
      <c r="L20" s="153"/>
      <c r="M20" s="153"/>
      <c r="N20" s="153"/>
      <c r="O20" s="153"/>
      <c r="P20" s="153"/>
      <c r="Q20" s="153"/>
      <c r="R20" s="153"/>
      <c r="S20" s="153"/>
      <c r="T20" s="153"/>
      <c r="U20" s="153"/>
      <c r="V20" s="153"/>
      <c r="W20" s="153"/>
      <c r="X20" s="153"/>
      <c r="Y20" s="153"/>
      <c r="Z20" s="153"/>
      <c r="AA20" s="153"/>
      <c r="AB20" s="153"/>
      <c r="AC20" s="154"/>
      <c r="AD20" s="146"/>
      <c r="AE20" s="147"/>
      <c r="AF20" s="147"/>
      <c r="AG20" s="147"/>
      <c r="AH20" s="147"/>
      <c r="AI20" s="147"/>
      <c r="AJ20" s="147"/>
      <c r="AK20" s="147"/>
      <c r="AL20" s="147"/>
      <c r="AM20" s="148"/>
      <c r="AN20" s="221"/>
      <c r="AO20" s="222"/>
      <c r="AP20" s="222"/>
      <c r="AQ20" s="222"/>
      <c r="AR20" s="222"/>
      <c r="AS20" s="222"/>
      <c r="AT20" s="222"/>
      <c r="AU20" s="222"/>
      <c r="AV20" s="222"/>
      <c r="AW20" s="222"/>
      <c r="AX20" s="222"/>
      <c r="AY20" s="222"/>
      <c r="AZ20" s="222"/>
      <c r="BA20" s="222"/>
      <c r="BB20" s="222"/>
      <c r="BC20" s="222"/>
      <c r="BD20" s="222"/>
      <c r="BE20" s="222"/>
      <c r="BF20" s="222"/>
      <c r="BG20" s="222"/>
      <c r="BH20" s="223"/>
      <c r="BI20" s="22"/>
      <c r="BJ20" s="22"/>
    </row>
    <row r="21" spans="1:62" ht="17.25" customHeight="1">
      <c r="A21" s="22"/>
      <c r="B21" s="2"/>
      <c r="C21" s="95" t="s">
        <v>47</v>
      </c>
      <c r="D21" s="126"/>
      <c r="E21" s="126"/>
      <c r="F21" s="126"/>
      <c r="G21" s="126"/>
      <c r="H21" s="126"/>
      <c r="I21" s="126"/>
      <c r="J21" s="127"/>
      <c r="K21" s="19" t="s">
        <v>46</v>
      </c>
      <c r="L21" s="20"/>
      <c r="M21" s="131"/>
      <c r="N21" s="131"/>
      <c r="O21" s="131"/>
      <c r="P21" s="131"/>
      <c r="Q21" s="131"/>
      <c r="R21" s="131"/>
      <c r="S21" s="131"/>
      <c r="T21" s="131"/>
      <c r="U21" s="131"/>
      <c r="V21" s="131"/>
      <c r="W21" s="131"/>
      <c r="X21" s="131"/>
      <c r="Y21" s="131"/>
      <c r="Z21" s="131"/>
      <c r="AA21" s="131"/>
      <c r="AB21" s="131"/>
      <c r="AC21" s="131"/>
      <c r="AD21" s="131"/>
      <c r="AE21" s="131"/>
      <c r="AF21" s="131"/>
      <c r="AG21" s="131"/>
      <c r="AH21" s="131"/>
      <c r="AI21" s="131"/>
      <c r="AJ21" s="131"/>
      <c r="AK21" s="131"/>
      <c r="AL21" s="131"/>
      <c r="AM21" s="131"/>
      <c r="AN21" s="131"/>
      <c r="AO21" s="131"/>
      <c r="AP21" s="131"/>
      <c r="AQ21" s="131"/>
      <c r="AR21" s="131"/>
      <c r="AS21" s="131"/>
      <c r="AT21" s="131"/>
      <c r="AU21" s="131"/>
      <c r="AV21" s="131"/>
      <c r="AW21" s="131"/>
      <c r="AX21" s="131"/>
      <c r="AY21" s="131"/>
      <c r="AZ21" s="131"/>
      <c r="BA21" s="131"/>
      <c r="BB21" s="131"/>
      <c r="BC21" s="131"/>
      <c r="BD21" s="131"/>
      <c r="BE21" s="131"/>
      <c r="BF21" s="131"/>
      <c r="BG21" s="131"/>
      <c r="BH21" s="132"/>
      <c r="BI21" s="22"/>
      <c r="BJ21" s="22"/>
    </row>
    <row r="22" spans="1:62" ht="17.25" customHeight="1">
      <c r="A22" s="22"/>
      <c r="B22" s="2"/>
      <c r="C22" s="128"/>
      <c r="D22" s="129"/>
      <c r="E22" s="129"/>
      <c r="F22" s="129"/>
      <c r="G22" s="129"/>
      <c r="H22" s="129"/>
      <c r="I22" s="129"/>
      <c r="J22" s="130"/>
      <c r="K22" s="133"/>
      <c r="L22" s="134"/>
      <c r="M22" s="134"/>
      <c r="N22" s="134"/>
      <c r="O22" s="134"/>
      <c r="P22" s="134"/>
      <c r="Q22" s="134"/>
      <c r="R22" s="134"/>
      <c r="S22" s="134"/>
      <c r="T22" s="134"/>
      <c r="U22" s="134"/>
      <c r="V22" s="134"/>
      <c r="W22" s="134"/>
      <c r="X22" s="134"/>
      <c r="Y22" s="134"/>
      <c r="Z22" s="134"/>
      <c r="AA22" s="134"/>
      <c r="AB22" s="134"/>
      <c r="AC22" s="134"/>
      <c r="AD22" s="134"/>
      <c r="AE22" s="134"/>
      <c r="AF22" s="134"/>
      <c r="AG22" s="134"/>
      <c r="AH22" s="134"/>
      <c r="AI22" s="134"/>
      <c r="AJ22" s="134"/>
      <c r="AK22" s="134"/>
      <c r="AL22" s="50"/>
      <c r="AM22" s="50"/>
      <c r="AN22" s="135" t="s">
        <v>45</v>
      </c>
      <c r="AO22" s="135"/>
      <c r="AP22" s="135"/>
      <c r="AQ22" s="135"/>
      <c r="AR22" s="135"/>
      <c r="AS22" s="135"/>
      <c r="AT22" s="135"/>
      <c r="AU22" s="135"/>
      <c r="AV22" s="135"/>
      <c r="AW22" s="135"/>
      <c r="AX22" s="135"/>
      <c r="AY22" s="135"/>
      <c r="AZ22" s="135"/>
      <c r="BA22" s="135"/>
      <c r="BB22" s="135"/>
      <c r="BC22" s="135"/>
      <c r="BD22" s="135"/>
      <c r="BE22" s="135"/>
      <c r="BF22" s="135"/>
      <c r="BG22" s="135"/>
      <c r="BH22" s="136"/>
      <c r="BI22" s="22"/>
      <c r="BJ22" s="22"/>
    </row>
    <row r="23" spans="1:62" ht="6" customHeight="1">
      <c r="A23" s="22"/>
      <c r="B23" s="2"/>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2"/>
      <c r="AL23" s="22"/>
      <c r="AM23" s="22"/>
      <c r="AN23" s="22"/>
      <c r="AO23" s="22"/>
      <c r="AP23" s="22"/>
      <c r="AQ23" s="22"/>
      <c r="AR23" s="22"/>
      <c r="AS23" s="22"/>
      <c r="AT23" s="22"/>
      <c r="AU23" s="22"/>
      <c r="AV23" s="22"/>
      <c r="AW23" s="22"/>
      <c r="AX23" s="22"/>
      <c r="AY23" s="22"/>
      <c r="AZ23" s="22"/>
      <c r="BA23" s="22"/>
      <c r="BB23" s="22"/>
      <c r="BC23" s="22"/>
      <c r="BD23" s="22"/>
      <c r="BE23" s="22"/>
      <c r="BF23" s="22"/>
      <c r="BG23" s="22"/>
      <c r="BH23" s="22"/>
      <c r="BI23" s="22"/>
      <c r="BJ23" s="22"/>
    </row>
    <row r="24" spans="1:62" ht="15" customHeight="1">
      <c r="A24" s="22"/>
      <c r="B24" s="2"/>
      <c r="C24" s="182" t="s">
        <v>44</v>
      </c>
      <c r="D24" s="183"/>
      <c r="E24" s="183"/>
      <c r="F24" s="183"/>
      <c r="G24" s="183"/>
      <c r="H24" s="183"/>
      <c r="I24" s="183"/>
      <c r="J24" s="184"/>
      <c r="K24" s="76" t="s">
        <v>43</v>
      </c>
      <c r="L24" s="79"/>
      <c r="M24" s="79"/>
      <c r="N24" s="79"/>
      <c r="O24" s="79"/>
      <c r="P24" s="79"/>
      <c r="Q24" s="79"/>
      <c r="R24" s="79"/>
      <c r="S24" s="79"/>
      <c r="T24" s="79"/>
      <c r="U24" s="79"/>
      <c r="V24" s="79"/>
      <c r="W24" s="79"/>
      <c r="X24" s="79"/>
      <c r="Y24" s="79"/>
      <c r="Z24" s="79"/>
      <c r="AA24" s="79"/>
      <c r="AB24" s="79"/>
      <c r="AC24" s="79"/>
      <c r="AD24" s="79"/>
      <c r="AE24" s="79"/>
      <c r="AF24" s="79"/>
      <c r="AG24" s="79"/>
      <c r="AH24" s="79"/>
      <c r="AI24" s="79"/>
      <c r="AJ24" s="79"/>
      <c r="AK24" s="79"/>
      <c r="AL24" s="79"/>
      <c r="AM24" s="79"/>
      <c r="AN24" s="79"/>
      <c r="AO24" s="79"/>
      <c r="AP24" s="79"/>
      <c r="AQ24" s="79"/>
      <c r="AR24" s="79"/>
      <c r="AS24" s="79"/>
      <c r="AT24" s="79"/>
      <c r="AU24" s="79"/>
      <c r="AV24" s="79"/>
      <c r="AW24" s="79"/>
      <c r="AX24" s="79"/>
      <c r="AY24" s="79"/>
      <c r="AZ24" s="79"/>
      <c r="BA24" s="79"/>
      <c r="BB24" s="79"/>
      <c r="BC24" s="79"/>
      <c r="BD24" s="79"/>
      <c r="BE24" s="79"/>
      <c r="BF24" s="79"/>
      <c r="BG24" s="79"/>
      <c r="BH24" s="224"/>
      <c r="BI24" s="22"/>
      <c r="BJ24" s="22"/>
    </row>
    <row r="25" spans="1:62" ht="13.5" customHeight="1">
      <c r="A25" s="22"/>
      <c r="B25" s="2"/>
      <c r="C25" s="225" t="s">
        <v>42</v>
      </c>
      <c r="D25" s="226"/>
      <c r="E25" s="226"/>
      <c r="F25" s="226"/>
      <c r="G25" s="226"/>
      <c r="H25" s="226"/>
      <c r="I25" s="226"/>
      <c r="J25" s="227"/>
      <c r="K25" s="19" t="s">
        <v>41</v>
      </c>
      <c r="L25" s="47"/>
      <c r="M25" s="47"/>
      <c r="N25" s="47"/>
      <c r="O25" s="47"/>
      <c r="P25" s="47"/>
      <c r="Q25" s="47"/>
      <c r="R25" s="47"/>
      <c r="S25" s="47"/>
      <c r="T25" s="47"/>
      <c r="U25" s="47"/>
      <c r="V25" s="47"/>
      <c r="W25" s="47"/>
      <c r="X25" s="47"/>
      <c r="Y25" s="47"/>
      <c r="Z25" s="47"/>
      <c r="AA25" s="47"/>
      <c r="AB25" s="47"/>
      <c r="AC25" s="47"/>
      <c r="AD25" s="18" t="s">
        <v>40</v>
      </c>
      <c r="AE25" s="47"/>
      <c r="AF25" s="47"/>
      <c r="AG25" s="47"/>
      <c r="AH25" s="47"/>
      <c r="AI25" s="47"/>
      <c r="AJ25" s="47"/>
      <c r="AK25" s="47"/>
      <c r="AL25" s="47"/>
      <c r="AM25" s="47"/>
      <c r="AN25" s="47"/>
      <c r="AO25" s="47"/>
      <c r="AP25" s="47"/>
      <c r="AQ25" s="47"/>
      <c r="AR25" s="47"/>
      <c r="AS25" s="47"/>
      <c r="AT25" s="47"/>
      <c r="AU25" s="47"/>
      <c r="AV25" s="47"/>
      <c r="AW25" s="47"/>
      <c r="AX25" s="47"/>
      <c r="AY25" s="47"/>
      <c r="AZ25" s="47"/>
      <c r="BA25" s="47"/>
      <c r="BB25" s="47"/>
      <c r="BC25" s="47"/>
      <c r="BD25" s="47"/>
      <c r="BE25" s="47"/>
      <c r="BF25" s="47"/>
      <c r="BG25" s="47"/>
      <c r="BH25" s="48"/>
      <c r="BI25" s="22"/>
      <c r="BJ25" s="22"/>
    </row>
    <row r="26" spans="1:62" ht="13.5" customHeight="1">
      <c r="A26" s="22"/>
      <c r="B26" s="2"/>
      <c r="C26" s="228"/>
      <c r="D26" s="229"/>
      <c r="E26" s="229"/>
      <c r="F26" s="229"/>
      <c r="G26" s="229"/>
      <c r="H26" s="229"/>
      <c r="I26" s="229"/>
      <c r="J26" s="230"/>
      <c r="K26" s="16" t="s">
        <v>39</v>
      </c>
      <c r="L26" s="49"/>
      <c r="M26" s="49"/>
      <c r="N26" s="49"/>
      <c r="O26" s="49"/>
      <c r="P26" s="49"/>
      <c r="Q26" s="49"/>
      <c r="R26" s="49"/>
      <c r="S26" s="49"/>
      <c r="T26" s="49"/>
      <c r="U26" s="49"/>
      <c r="V26" s="49"/>
      <c r="W26" s="49"/>
      <c r="X26" s="49"/>
      <c r="Y26" s="49"/>
      <c r="Z26" s="49"/>
      <c r="AA26" s="49"/>
      <c r="AB26" s="49"/>
      <c r="AC26" s="49"/>
      <c r="AD26" s="234" t="s">
        <v>38</v>
      </c>
      <c r="AE26" s="235"/>
      <c r="AF26" s="235"/>
      <c r="AG26" s="235"/>
      <c r="AH26" s="235"/>
      <c r="AI26" s="235"/>
      <c r="AJ26" s="235"/>
      <c r="AK26" s="235"/>
      <c r="AL26" s="235"/>
      <c r="AM26" s="235"/>
      <c r="AN26" s="235"/>
      <c r="AO26" s="235"/>
      <c r="AP26" s="235"/>
      <c r="AQ26" s="235"/>
      <c r="AR26" s="235"/>
      <c r="AS26" s="235"/>
      <c r="AT26" s="235"/>
      <c r="AU26" s="235"/>
      <c r="AV26" s="235"/>
      <c r="AW26" s="235"/>
      <c r="AX26" s="235"/>
      <c r="AY26" s="235"/>
      <c r="AZ26" s="235"/>
      <c r="BA26" s="235"/>
      <c r="BB26" s="235"/>
      <c r="BC26" s="235"/>
      <c r="BD26" s="235"/>
      <c r="BE26" s="235"/>
      <c r="BF26" s="235"/>
      <c r="BG26" s="235"/>
      <c r="BH26" s="236"/>
      <c r="BI26" s="22"/>
      <c r="BJ26" s="22"/>
    </row>
    <row r="27" spans="1:62" ht="13.5" customHeight="1">
      <c r="A27" s="22"/>
      <c r="B27" s="2"/>
      <c r="C27" s="228"/>
      <c r="D27" s="229"/>
      <c r="E27" s="229"/>
      <c r="F27" s="229"/>
      <c r="G27" s="229"/>
      <c r="H27" s="229"/>
      <c r="I27" s="229"/>
      <c r="J27" s="230"/>
      <c r="K27" s="16" t="s">
        <v>37</v>
      </c>
      <c r="L27" s="51"/>
      <c r="M27" s="51"/>
      <c r="N27" s="51"/>
      <c r="O27" s="51"/>
      <c r="P27" s="51"/>
      <c r="Q27" s="51"/>
      <c r="R27" s="51"/>
      <c r="S27" s="51"/>
      <c r="T27" s="51"/>
      <c r="U27" s="51"/>
      <c r="V27" s="51"/>
      <c r="W27" s="51"/>
      <c r="X27" s="51"/>
      <c r="Y27" s="51"/>
      <c r="Z27" s="51"/>
      <c r="AA27" s="51"/>
      <c r="AB27" s="51"/>
      <c r="AC27" s="51"/>
      <c r="AD27" s="17"/>
      <c r="AE27" s="51"/>
      <c r="AF27" s="51"/>
      <c r="AG27" s="51"/>
      <c r="AH27" s="51"/>
      <c r="AI27" s="51"/>
      <c r="AJ27" s="51"/>
      <c r="AK27" s="51"/>
      <c r="AL27" s="51"/>
      <c r="AM27" s="51"/>
      <c r="AN27" s="51"/>
      <c r="AO27" s="51"/>
      <c r="AP27" s="51"/>
      <c r="AQ27" s="51"/>
      <c r="AR27" s="51"/>
      <c r="AS27" s="51"/>
      <c r="AT27" s="51"/>
      <c r="AU27" s="51"/>
      <c r="AV27" s="51"/>
      <c r="AW27" s="51"/>
      <c r="AX27" s="51"/>
      <c r="AY27" s="51"/>
      <c r="AZ27" s="51"/>
      <c r="BA27" s="51"/>
      <c r="BB27" s="51"/>
      <c r="BC27" s="51"/>
      <c r="BD27" s="51"/>
      <c r="BE27" s="51"/>
      <c r="BF27" s="51"/>
      <c r="BG27" s="51"/>
      <c r="BH27" s="54"/>
      <c r="BI27" s="22"/>
      <c r="BJ27" s="22"/>
    </row>
    <row r="28" spans="1:62" ht="13.5" customHeight="1">
      <c r="A28" s="22"/>
      <c r="B28" s="2"/>
      <c r="C28" s="228"/>
      <c r="D28" s="229"/>
      <c r="E28" s="229"/>
      <c r="F28" s="229"/>
      <c r="G28" s="229"/>
      <c r="H28" s="229"/>
      <c r="I28" s="229"/>
      <c r="J28" s="230"/>
      <c r="K28" s="16" t="s">
        <v>36</v>
      </c>
      <c r="L28" s="14"/>
      <c r="M28" s="14"/>
      <c r="N28" s="14"/>
      <c r="O28" s="14"/>
      <c r="P28" s="14"/>
      <c r="Q28" s="14"/>
      <c r="R28" s="14"/>
      <c r="S28" s="14"/>
      <c r="T28" s="14"/>
      <c r="U28" s="14"/>
      <c r="V28" s="14"/>
      <c r="W28" s="14"/>
      <c r="X28" s="14"/>
      <c r="Y28" s="14"/>
      <c r="Z28" s="14"/>
      <c r="AA28" s="14"/>
      <c r="AB28" s="14"/>
      <c r="AC28" s="14"/>
      <c r="AD28" s="15"/>
      <c r="AE28" s="14"/>
      <c r="AF28" s="14"/>
      <c r="AG28" s="14"/>
      <c r="AH28" s="14"/>
      <c r="AI28" s="14"/>
      <c r="AJ28" s="14"/>
      <c r="AK28" s="14"/>
      <c r="AL28" s="14"/>
      <c r="AM28" s="14"/>
      <c r="AN28" s="14"/>
      <c r="AO28" s="14"/>
      <c r="AP28" s="14"/>
      <c r="AQ28" s="14"/>
      <c r="AR28" s="14"/>
      <c r="AS28" s="14"/>
      <c r="AT28" s="14"/>
      <c r="AU28" s="14"/>
      <c r="AV28" s="14"/>
      <c r="AW28" s="14"/>
      <c r="AX28" s="14"/>
      <c r="AY28" s="14"/>
      <c r="AZ28" s="14"/>
      <c r="BA28" s="14"/>
      <c r="BB28" s="14"/>
      <c r="BC28" s="14"/>
      <c r="BD28" s="14"/>
      <c r="BE28" s="14"/>
      <c r="BF28" s="14"/>
      <c r="BG28" s="14"/>
      <c r="BH28" s="55"/>
      <c r="BI28" s="22"/>
      <c r="BJ28" s="22"/>
    </row>
    <row r="29" spans="1:62" ht="13.5" customHeight="1">
      <c r="A29" s="22"/>
      <c r="B29" s="2"/>
      <c r="C29" s="228"/>
      <c r="D29" s="229"/>
      <c r="E29" s="229"/>
      <c r="F29" s="229"/>
      <c r="G29" s="229"/>
      <c r="H29" s="229"/>
      <c r="I29" s="229"/>
      <c r="J29" s="230"/>
      <c r="K29" s="16" t="s">
        <v>35</v>
      </c>
      <c r="L29" s="14"/>
      <c r="M29" s="14"/>
      <c r="N29" s="14"/>
      <c r="O29" s="14"/>
      <c r="P29" s="14"/>
      <c r="Q29" s="14"/>
      <c r="R29" s="14"/>
      <c r="S29" s="14"/>
      <c r="T29" s="14"/>
      <c r="U29" s="14"/>
      <c r="V29" s="14"/>
      <c r="W29" s="14"/>
      <c r="X29" s="14"/>
      <c r="Y29" s="14"/>
      <c r="Z29" s="14"/>
      <c r="AA29" s="14"/>
      <c r="AB29" s="14"/>
      <c r="AC29" s="14"/>
      <c r="AD29" s="15"/>
      <c r="AE29" s="14"/>
      <c r="AF29" s="14"/>
      <c r="AG29" s="14"/>
      <c r="AH29" s="14"/>
      <c r="AI29" s="14"/>
      <c r="AJ29" s="14"/>
      <c r="AK29" s="14"/>
      <c r="AL29" s="14"/>
      <c r="AM29" s="14"/>
      <c r="AN29" s="14"/>
      <c r="AO29" s="14"/>
      <c r="AP29" s="14"/>
      <c r="AQ29" s="14"/>
      <c r="AR29" s="14"/>
      <c r="AS29" s="14"/>
      <c r="AT29" s="14"/>
      <c r="AU29" s="14"/>
      <c r="AV29" s="14"/>
      <c r="AW29" s="14"/>
      <c r="AX29" s="14"/>
      <c r="AY29" s="14"/>
      <c r="AZ29" s="14"/>
      <c r="BA29" s="14"/>
      <c r="BB29" s="14"/>
      <c r="BC29" s="14"/>
      <c r="BD29" s="14"/>
      <c r="BE29" s="14"/>
      <c r="BF29" s="14"/>
      <c r="BG29" s="14"/>
      <c r="BH29" s="55"/>
      <c r="BI29" s="22"/>
      <c r="BJ29" s="22"/>
    </row>
    <row r="30" spans="1:62" ht="13.5" customHeight="1">
      <c r="A30" s="22"/>
      <c r="B30" s="2"/>
      <c r="C30" s="231"/>
      <c r="D30" s="232"/>
      <c r="E30" s="232"/>
      <c r="F30" s="232"/>
      <c r="G30" s="232"/>
      <c r="H30" s="232"/>
      <c r="I30" s="232"/>
      <c r="J30" s="233"/>
      <c r="K30" s="13" t="s">
        <v>34</v>
      </c>
      <c r="L30" s="11"/>
      <c r="M30" s="11"/>
      <c r="N30" s="11"/>
      <c r="O30" s="11"/>
      <c r="P30" s="11"/>
      <c r="Q30" s="11"/>
      <c r="R30" s="11"/>
      <c r="S30" s="11"/>
      <c r="T30" s="11"/>
      <c r="U30" s="11"/>
      <c r="V30" s="11"/>
      <c r="W30" s="11"/>
      <c r="X30" s="11"/>
      <c r="Y30" s="11"/>
      <c r="Z30" s="11"/>
      <c r="AA30" s="11"/>
      <c r="AB30" s="11"/>
      <c r="AC30" s="11"/>
      <c r="AD30" s="12"/>
      <c r="AE30" s="11"/>
      <c r="AF30" s="11"/>
      <c r="AG30" s="11"/>
      <c r="AH30" s="11"/>
      <c r="AI30" s="11"/>
      <c r="AJ30" s="11"/>
      <c r="AK30" s="11"/>
      <c r="AL30" s="11"/>
      <c r="AM30" s="11"/>
      <c r="AN30" s="11"/>
      <c r="AO30" s="11"/>
      <c r="AP30" s="11"/>
      <c r="AQ30" s="11"/>
      <c r="AR30" s="11"/>
      <c r="AS30" s="11"/>
      <c r="AT30" s="11"/>
      <c r="AU30" s="11"/>
      <c r="AV30" s="11"/>
      <c r="AW30" s="11"/>
      <c r="AX30" s="11"/>
      <c r="AY30" s="11"/>
      <c r="AZ30" s="11"/>
      <c r="BA30" s="11"/>
      <c r="BB30" s="11"/>
      <c r="BC30" s="11"/>
      <c r="BD30" s="11"/>
      <c r="BE30" s="11"/>
      <c r="BF30" s="11"/>
      <c r="BG30" s="11"/>
      <c r="BH30" s="56"/>
      <c r="BI30" s="22"/>
      <c r="BJ30" s="22"/>
    </row>
    <row r="31" spans="1:62" ht="17.25" customHeight="1">
      <c r="A31" s="22"/>
      <c r="B31" s="2"/>
      <c r="C31" s="237" t="s">
        <v>33</v>
      </c>
      <c r="D31" s="238"/>
      <c r="E31" s="238"/>
      <c r="F31" s="238"/>
      <c r="G31" s="238"/>
      <c r="H31" s="238"/>
      <c r="I31" s="238"/>
      <c r="J31" s="238"/>
      <c r="K31" s="238"/>
      <c r="L31" s="238"/>
      <c r="M31" s="238"/>
      <c r="N31" s="238"/>
      <c r="O31" s="238"/>
      <c r="P31" s="239"/>
      <c r="Q31" s="240"/>
      <c r="R31" s="241"/>
      <c r="S31" s="241"/>
      <c r="T31" s="241"/>
      <c r="U31" s="241"/>
      <c r="V31" s="241"/>
      <c r="W31" s="241"/>
      <c r="X31" s="241"/>
      <c r="Y31" s="241"/>
      <c r="Z31" s="241"/>
      <c r="AA31" s="241"/>
      <c r="AB31" s="241"/>
      <c r="AC31" s="241"/>
      <c r="AD31" s="241"/>
      <c r="AE31" s="241"/>
      <c r="AF31" s="241"/>
      <c r="AG31" s="241"/>
      <c r="AH31" s="241"/>
      <c r="AI31" s="241"/>
      <c r="AJ31" s="241"/>
      <c r="AK31" s="241"/>
      <c r="AL31" s="241"/>
      <c r="AM31" s="241"/>
      <c r="AN31" s="241"/>
      <c r="AO31" s="241"/>
      <c r="AP31" s="241"/>
      <c r="AQ31" s="241"/>
      <c r="AR31" s="241"/>
      <c r="AS31" s="241"/>
      <c r="AT31" s="241"/>
      <c r="AU31" s="241"/>
      <c r="AV31" s="241"/>
      <c r="AW31" s="241"/>
      <c r="AX31" s="241"/>
      <c r="AY31" s="241"/>
      <c r="AZ31" s="241"/>
      <c r="BA31" s="241"/>
      <c r="BB31" s="241"/>
      <c r="BC31" s="241"/>
      <c r="BD31" s="241"/>
      <c r="BE31" s="241"/>
      <c r="BF31" s="241"/>
      <c r="BG31" s="241"/>
      <c r="BH31" s="242"/>
      <c r="BI31" s="22"/>
      <c r="BJ31" s="22"/>
    </row>
    <row r="32" spans="1:62" ht="17.25" customHeight="1">
      <c r="A32" s="22"/>
      <c r="B32" s="2"/>
      <c r="C32" s="182" t="s">
        <v>32</v>
      </c>
      <c r="D32" s="183"/>
      <c r="E32" s="183"/>
      <c r="F32" s="183"/>
      <c r="G32" s="183"/>
      <c r="H32" s="183"/>
      <c r="I32" s="183"/>
      <c r="J32" s="183"/>
      <c r="K32" s="183"/>
      <c r="L32" s="183"/>
      <c r="M32" s="183"/>
      <c r="N32" s="183"/>
      <c r="O32" s="183"/>
      <c r="P32" s="184"/>
      <c r="Q32" s="182" t="s">
        <v>31</v>
      </c>
      <c r="R32" s="183"/>
      <c r="S32" s="183"/>
      <c r="T32" s="183"/>
      <c r="U32" s="183"/>
      <c r="V32" s="183"/>
      <c r="W32" s="183"/>
      <c r="X32" s="183"/>
      <c r="Y32" s="183"/>
      <c r="Z32" s="183"/>
      <c r="AA32" s="183"/>
      <c r="AB32" s="183"/>
      <c r="AC32" s="184"/>
      <c r="AD32" s="182" t="s">
        <v>30</v>
      </c>
      <c r="AE32" s="124"/>
      <c r="AF32" s="124"/>
      <c r="AG32" s="124"/>
      <c r="AH32" s="124"/>
      <c r="AI32" s="124"/>
      <c r="AJ32" s="124"/>
      <c r="AK32" s="124"/>
      <c r="AL32" s="124"/>
      <c r="AM32" s="124"/>
      <c r="AN32" s="124"/>
      <c r="AO32" s="124"/>
      <c r="AP32" s="124"/>
      <c r="AQ32" s="124"/>
      <c r="AR32" s="185" t="s">
        <v>13</v>
      </c>
      <c r="AS32" s="186"/>
      <c r="AT32" s="186"/>
      <c r="AU32" s="186"/>
      <c r="AV32" s="186"/>
      <c r="AW32" s="186"/>
      <c r="AX32" s="186"/>
      <c r="AY32" s="186"/>
      <c r="AZ32" s="186"/>
      <c r="BA32" s="186"/>
      <c r="BB32" s="186"/>
      <c r="BC32" s="186"/>
      <c r="BD32" s="186"/>
      <c r="BE32" s="186"/>
      <c r="BF32" s="186"/>
      <c r="BG32" s="186"/>
      <c r="BH32" s="187"/>
      <c r="BI32" s="22"/>
      <c r="BJ32" s="22"/>
    </row>
    <row r="33" spans="1:62" ht="14.25" customHeight="1">
      <c r="A33" s="22"/>
      <c r="B33" s="2"/>
      <c r="C33" s="95" t="s">
        <v>16</v>
      </c>
      <c r="D33" s="126"/>
      <c r="E33" s="126"/>
      <c r="F33" s="126"/>
      <c r="G33" s="126"/>
      <c r="H33" s="126"/>
      <c r="I33" s="126"/>
      <c r="J33" s="126"/>
      <c r="K33" s="126"/>
      <c r="L33" s="126"/>
      <c r="M33" s="126"/>
      <c r="N33" s="126"/>
      <c r="O33" s="126"/>
      <c r="P33" s="127"/>
      <c r="Q33" s="188" t="s">
        <v>15</v>
      </c>
      <c r="R33" s="189"/>
      <c r="S33" s="189"/>
      <c r="T33" s="189"/>
      <c r="U33" s="189"/>
      <c r="V33" s="189"/>
      <c r="W33" s="189"/>
      <c r="X33" s="189"/>
      <c r="Y33" s="189"/>
      <c r="Z33" s="189"/>
      <c r="AA33" s="189"/>
      <c r="AB33" s="189"/>
      <c r="AC33" s="190"/>
      <c r="AD33" s="194" t="s">
        <v>29</v>
      </c>
      <c r="AE33" s="195"/>
      <c r="AF33" s="195"/>
      <c r="AG33" s="195"/>
      <c r="AH33" s="195"/>
      <c r="AI33" s="195"/>
      <c r="AJ33" s="195"/>
      <c r="AK33" s="195"/>
      <c r="AL33" s="195"/>
      <c r="AM33" s="195"/>
      <c r="AN33" s="195"/>
      <c r="AO33" s="195"/>
      <c r="AP33" s="195"/>
      <c r="AQ33" s="196"/>
      <c r="AR33" s="200" t="s">
        <v>13</v>
      </c>
      <c r="AS33" s="201"/>
      <c r="AT33" s="201"/>
      <c r="AU33" s="201"/>
      <c r="AV33" s="201"/>
      <c r="AW33" s="201"/>
      <c r="AX33" s="201"/>
      <c r="AY33" s="201"/>
      <c r="AZ33" s="201"/>
      <c r="BA33" s="201"/>
      <c r="BB33" s="201"/>
      <c r="BC33" s="201"/>
      <c r="BD33" s="201"/>
      <c r="BE33" s="201"/>
      <c r="BF33" s="201"/>
      <c r="BG33" s="201"/>
      <c r="BH33" s="202"/>
      <c r="BI33" s="3"/>
      <c r="BJ33" s="22"/>
    </row>
    <row r="34" spans="1:62" ht="12.75" customHeight="1">
      <c r="A34" s="22"/>
      <c r="B34" s="2"/>
      <c r="C34" s="209" t="s">
        <v>12</v>
      </c>
      <c r="D34" s="210"/>
      <c r="E34" s="210"/>
      <c r="F34" s="210"/>
      <c r="G34" s="210"/>
      <c r="H34" s="210"/>
      <c r="I34" s="210"/>
      <c r="J34" s="210"/>
      <c r="K34" s="210"/>
      <c r="L34" s="210"/>
      <c r="M34" s="210"/>
      <c r="N34" s="210"/>
      <c r="O34" s="210"/>
      <c r="P34" s="211"/>
      <c r="Q34" s="191"/>
      <c r="R34" s="192"/>
      <c r="S34" s="192"/>
      <c r="T34" s="192"/>
      <c r="U34" s="192"/>
      <c r="V34" s="192"/>
      <c r="W34" s="192"/>
      <c r="X34" s="192"/>
      <c r="Y34" s="192"/>
      <c r="Z34" s="192"/>
      <c r="AA34" s="192"/>
      <c r="AB34" s="192"/>
      <c r="AC34" s="193"/>
      <c r="AD34" s="197"/>
      <c r="AE34" s="198"/>
      <c r="AF34" s="198"/>
      <c r="AG34" s="198"/>
      <c r="AH34" s="198"/>
      <c r="AI34" s="198"/>
      <c r="AJ34" s="198"/>
      <c r="AK34" s="198"/>
      <c r="AL34" s="198"/>
      <c r="AM34" s="198"/>
      <c r="AN34" s="198"/>
      <c r="AO34" s="198"/>
      <c r="AP34" s="198"/>
      <c r="AQ34" s="199"/>
      <c r="AR34" s="203"/>
      <c r="AS34" s="204"/>
      <c r="AT34" s="204"/>
      <c r="AU34" s="204"/>
      <c r="AV34" s="204"/>
      <c r="AW34" s="204"/>
      <c r="AX34" s="204"/>
      <c r="AY34" s="204"/>
      <c r="AZ34" s="204"/>
      <c r="BA34" s="204"/>
      <c r="BB34" s="204"/>
      <c r="BC34" s="204"/>
      <c r="BD34" s="204"/>
      <c r="BE34" s="204"/>
      <c r="BF34" s="204"/>
      <c r="BG34" s="204"/>
      <c r="BH34" s="205"/>
      <c r="BI34" s="22"/>
      <c r="BJ34" s="22"/>
    </row>
    <row r="35" spans="1:62" ht="6" customHeight="1">
      <c r="A35" s="22"/>
      <c r="B35" s="2"/>
      <c r="C35" s="23"/>
      <c r="D35" s="10"/>
      <c r="E35" s="10"/>
      <c r="F35" s="10"/>
      <c r="G35" s="10"/>
      <c r="H35" s="10"/>
      <c r="I35" s="10"/>
      <c r="J35" s="10"/>
      <c r="K35" s="10"/>
      <c r="L35" s="10"/>
      <c r="M35" s="10"/>
      <c r="N35" s="10"/>
      <c r="O35" s="10"/>
      <c r="P35" s="10"/>
      <c r="Q35" s="10"/>
      <c r="R35" s="10"/>
      <c r="S35" s="10"/>
      <c r="T35" s="10"/>
      <c r="U35" s="10"/>
      <c r="V35" s="10"/>
      <c r="W35" s="10"/>
      <c r="X35" s="10"/>
      <c r="Y35" s="10"/>
      <c r="Z35" s="10"/>
      <c r="AA35" s="10"/>
      <c r="AB35" s="10"/>
      <c r="AC35" s="10"/>
      <c r="AD35" s="10"/>
      <c r="AE35" s="10"/>
      <c r="AF35" s="10"/>
      <c r="AG35" s="10"/>
      <c r="AH35" s="10"/>
      <c r="AI35" s="10"/>
      <c r="AJ35" s="10"/>
      <c r="AK35" s="10"/>
      <c r="AL35" s="10"/>
      <c r="AM35" s="10"/>
      <c r="AN35" s="10"/>
      <c r="AO35" s="10"/>
      <c r="AP35" s="10"/>
      <c r="AQ35" s="10"/>
      <c r="AR35" s="10"/>
      <c r="AS35" s="10"/>
      <c r="AT35" s="10"/>
      <c r="AU35" s="10"/>
      <c r="AV35" s="10"/>
      <c r="AW35" s="10"/>
      <c r="AX35" s="10"/>
      <c r="AY35" s="10"/>
      <c r="AZ35" s="10"/>
      <c r="BA35" s="10"/>
      <c r="BB35" s="10"/>
      <c r="BC35" s="10"/>
      <c r="BD35" s="10"/>
      <c r="BE35" s="10"/>
      <c r="BF35" s="10"/>
      <c r="BG35" s="10"/>
      <c r="BH35" s="10"/>
      <c r="BI35" s="22"/>
      <c r="BJ35" s="22"/>
    </row>
    <row r="36" spans="1:62" ht="13.5" customHeight="1">
      <c r="A36" s="22"/>
      <c r="B36" s="2"/>
      <c r="C36" s="208" t="s">
        <v>28</v>
      </c>
      <c r="D36" s="208"/>
      <c r="E36" s="208"/>
      <c r="F36" s="208"/>
      <c r="G36" s="208"/>
      <c r="H36" s="208"/>
      <c r="I36" s="208"/>
      <c r="J36" s="208"/>
      <c r="K36" s="208"/>
      <c r="L36" s="208"/>
      <c r="M36" s="208"/>
      <c r="N36" s="208"/>
      <c r="O36" s="208"/>
      <c r="P36" s="208"/>
      <c r="Q36" s="208"/>
      <c r="R36" s="208"/>
      <c r="S36" s="208"/>
      <c r="T36" s="208"/>
      <c r="U36" s="208"/>
      <c r="V36" s="208"/>
      <c r="W36" s="208"/>
      <c r="X36" s="208"/>
      <c r="Y36" s="208"/>
      <c r="Z36" s="208"/>
      <c r="AA36" s="208"/>
      <c r="AB36" s="208"/>
      <c r="AC36" s="208"/>
      <c r="AD36" s="208"/>
      <c r="AE36" s="208"/>
      <c r="AF36" s="208"/>
      <c r="AG36" s="208"/>
      <c r="AH36" s="208"/>
      <c r="AI36" s="208"/>
      <c r="AJ36" s="208"/>
      <c r="AK36" s="208"/>
      <c r="AL36" s="208"/>
      <c r="AM36" s="208"/>
      <c r="AN36" s="208"/>
      <c r="AO36" s="208"/>
      <c r="AP36" s="208"/>
      <c r="AQ36" s="208"/>
      <c r="AR36" s="208"/>
      <c r="AS36" s="208"/>
      <c r="AT36" s="208"/>
      <c r="AU36" s="208"/>
      <c r="AV36" s="208"/>
      <c r="AW36" s="208"/>
      <c r="AX36" s="208"/>
      <c r="AY36" s="208"/>
      <c r="AZ36" s="208"/>
      <c r="BA36" s="208"/>
      <c r="BB36" s="208"/>
      <c r="BC36" s="208"/>
      <c r="BD36" s="208"/>
      <c r="BE36" s="208"/>
      <c r="BF36" s="208"/>
      <c r="BG36" s="208"/>
      <c r="BH36" s="208"/>
      <c r="BI36" s="22"/>
      <c r="BJ36" s="22"/>
    </row>
    <row r="37" spans="1:62" ht="9.75" customHeight="1">
      <c r="A37" s="22"/>
      <c r="B37" s="2"/>
      <c r="C37" s="208"/>
      <c r="D37" s="208"/>
      <c r="E37" s="208"/>
      <c r="F37" s="208"/>
      <c r="G37" s="208"/>
      <c r="H37" s="208"/>
      <c r="I37" s="208"/>
      <c r="J37" s="208"/>
      <c r="K37" s="208"/>
      <c r="L37" s="208"/>
      <c r="M37" s="208"/>
      <c r="N37" s="208"/>
      <c r="O37" s="208"/>
      <c r="P37" s="208"/>
      <c r="Q37" s="208"/>
      <c r="R37" s="208"/>
      <c r="S37" s="208"/>
      <c r="T37" s="208"/>
      <c r="U37" s="208"/>
      <c r="V37" s="208"/>
      <c r="W37" s="208"/>
      <c r="X37" s="208"/>
      <c r="Y37" s="208"/>
      <c r="Z37" s="208"/>
      <c r="AA37" s="208"/>
      <c r="AB37" s="208"/>
      <c r="AC37" s="208"/>
      <c r="AD37" s="208"/>
      <c r="AE37" s="208"/>
      <c r="AF37" s="208"/>
      <c r="AG37" s="208"/>
      <c r="AH37" s="208"/>
      <c r="AI37" s="208"/>
      <c r="AJ37" s="208"/>
      <c r="AK37" s="208"/>
      <c r="AL37" s="208"/>
      <c r="AM37" s="208"/>
      <c r="AN37" s="208"/>
      <c r="AO37" s="208"/>
      <c r="AP37" s="208"/>
      <c r="AQ37" s="208"/>
      <c r="AR37" s="208"/>
      <c r="AS37" s="208"/>
      <c r="AT37" s="208"/>
      <c r="AU37" s="208"/>
      <c r="AV37" s="208"/>
      <c r="AW37" s="208"/>
      <c r="AX37" s="208"/>
      <c r="AY37" s="208"/>
      <c r="AZ37" s="208"/>
      <c r="BA37" s="208"/>
      <c r="BB37" s="208"/>
      <c r="BC37" s="208"/>
      <c r="BD37" s="208"/>
      <c r="BE37" s="208"/>
      <c r="BF37" s="208"/>
      <c r="BG37" s="208"/>
      <c r="BH37" s="208"/>
      <c r="BI37" s="22"/>
      <c r="BJ37" s="22"/>
    </row>
    <row r="38" spans="1:62" ht="13.5" customHeight="1">
      <c r="A38" s="22"/>
      <c r="B38" s="2"/>
      <c r="C38" s="208"/>
      <c r="D38" s="208"/>
      <c r="E38" s="208"/>
      <c r="F38" s="208"/>
      <c r="G38" s="208"/>
      <c r="H38" s="208"/>
      <c r="I38" s="208"/>
      <c r="J38" s="208"/>
      <c r="K38" s="208"/>
      <c r="L38" s="208"/>
      <c r="M38" s="208"/>
      <c r="N38" s="208"/>
      <c r="O38" s="208"/>
      <c r="P38" s="208"/>
      <c r="Q38" s="208"/>
      <c r="R38" s="208"/>
      <c r="S38" s="208"/>
      <c r="T38" s="208"/>
      <c r="U38" s="208"/>
      <c r="V38" s="208"/>
      <c r="W38" s="208"/>
      <c r="X38" s="208"/>
      <c r="Y38" s="208"/>
      <c r="Z38" s="208"/>
      <c r="AA38" s="208"/>
      <c r="AB38" s="208"/>
      <c r="AC38" s="208"/>
      <c r="AD38" s="208"/>
      <c r="AE38" s="208"/>
      <c r="AF38" s="208"/>
      <c r="AG38" s="208"/>
      <c r="AH38" s="208"/>
      <c r="AI38" s="208"/>
      <c r="AJ38" s="208"/>
      <c r="AK38" s="208"/>
      <c r="AL38" s="208"/>
      <c r="AM38" s="208"/>
      <c r="AN38" s="208"/>
      <c r="AO38" s="208"/>
      <c r="AP38" s="208"/>
      <c r="AQ38" s="208"/>
      <c r="AR38" s="208"/>
      <c r="AS38" s="208"/>
      <c r="AT38" s="208"/>
      <c r="AU38" s="208"/>
      <c r="AV38" s="208"/>
      <c r="AW38" s="208"/>
      <c r="AX38" s="208"/>
      <c r="AY38" s="208"/>
      <c r="AZ38" s="208"/>
      <c r="BA38" s="208"/>
      <c r="BB38" s="208"/>
      <c r="BC38" s="208"/>
      <c r="BD38" s="208"/>
      <c r="BE38" s="208"/>
      <c r="BF38" s="208"/>
      <c r="BG38" s="208"/>
      <c r="BH38" s="208"/>
      <c r="BJ38" s="22"/>
    </row>
    <row r="39" spans="1:62" ht="9.75" customHeight="1">
      <c r="A39" s="22"/>
      <c r="B39" s="2"/>
      <c r="C39" s="208"/>
      <c r="D39" s="208"/>
      <c r="E39" s="208"/>
      <c r="F39" s="208"/>
      <c r="G39" s="208"/>
      <c r="H39" s="208"/>
      <c r="I39" s="208"/>
      <c r="J39" s="208"/>
      <c r="K39" s="208"/>
      <c r="L39" s="208"/>
      <c r="M39" s="208"/>
      <c r="N39" s="208"/>
      <c r="O39" s="208"/>
      <c r="P39" s="208"/>
      <c r="Q39" s="208"/>
      <c r="R39" s="208"/>
      <c r="S39" s="208"/>
      <c r="T39" s="208"/>
      <c r="U39" s="208"/>
      <c r="V39" s="208"/>
      <c r="W39" s="208"/>
      <c r="X39" s="208"/>
      <c r="Y39" s="208"/>
      <c r="Z39" s="208"/>
      <c r="AA39" s="208"/>
      <c r="AB39" s="208"/>
      <c r="AC39" s="208"/>
      <c r="AD39" s="208"/>
      <c r="AE39" s="208"/>
      <c r="AF39" s="208"/>
      <c r="AG39" s="208"/>
      <c r="AH39" s="208"/>
      <c r="AI39" s="208"/>
      <c r="AJ39" s="208"/>
      <c r="AK39" s="208"/>
      <c r="AL39" s="208"/>
      <c r="AM39" s="208"/>
      <c r="AN39" s="208"/>
      <c r="AO39" s="208"/>
      <c r="AP39" s="208"/>
      <c r="AQ39" s="208"/>
      <c r="AR39" s="208"/>
      <c r="AS39" s="208"/>
      <c r="AT39" s="208"/>
      <c r="AU39" s="208"/>
      <c r="AV39" s="208"/>
      <c r="AW39" s="208"/>
      <c r="AX39" s="208"/>
      <c r="AY39" s="208"/>
      <c r="AZ39" s="208"/>
      <c r="BA39" s="208"/>
      <c r="BB39" s="208"/>
      <c r="BC39" s="208"/>
      <c r="BD39" s="208"/>
      <c r="BE39" s="208"/>
      <c r="BF39" s="208"/>
      <c r="BG39" s="208"/>
      <c r="BH39" s="208"/>
      <c r="BJ39" s="22"/>
    </row>
    <row r="40" spans="1:62" ht="13.5" customHeight="1">
      <c r="A40" s="22"/>
      <c r="B40" s="2"/>
      <c r="C40" s="208" t="s">
        <v>27</v>
      </c>
      <c r="D40" s="208"/>
      <c r="E40" s="208"/>
      <c r="F40" s="208"/>
      <c r="G40" s="208"/>
      <c r="H40" s="208"/>
      <c r="I40" s="208"/>
      <c r="J40" s="208"/>
      <c r="K40" s="208"/>
      <c r="L40" s="208"/>
      <c r="M40" s="208"/>
      <c r="N40" s="208"/>
      <c r="O40" s="208"/>
      <c r="P40" s="208"/>
      <c r="Q40" s="208"/>
      <c r="R40" s="208"/>
      <c r="S40" s="208"/>
      <c r="T40" s="208"/>
      <c r="U40" s="208"/>
      <c r="V40" s="208"/>
      <c r="W40" s="208"/>
      <c r="X40" s="208"/>
      <c r="Y40" s="208"/>
      <c r="Z40" s="208"/>
      <c r="AA40" s="208"/>
      <c r="AB40" s="208"/>
      <c r="AC40" s="208"/>
      <c r="AD40" s="208"/>
      <c r="AE40" s="208"/>
      <c r="AF40" s="208"/>
      <c r="AG40" s="208"/>
      <c r="AH40" s="208"/>
      <c r="AI40" s="208"/>
      <c r="AJ40" s="208"/>
      <c r="AK40" s="208"/>
      <c r="AL40" s="208"/>
      <c r="AM40" s="208"/>
      <c r="AN40" s="208"/>
      <c r="AO40" s="208"/>
      <c r="AP40" s="208"/>
      <c r="AQ40" s="208"/>
      <c r="AR40" s="208"/>
      <c r="AS40" s="208"/>
      <c r="AT40" s="208"/>
      <c r="AU40" s="208"/>
      <c r="AV40" s="208"/>
      <c r="AW40" s="208"/>
      <c r="AX40" s="208"/>
      <c r="AY40" s="208"/>
      <c r="AZ40" s="208"/>
      <c r="BA40" s="208"/>
      <c r="BB40" s="208"/>
      <c r="BC40" s="208"/>
      <c r="BD40" s="208"/>
      <c r="BE40" s="208"/>
      <c r="BF40" s="208"/>
      <c r="BG40" s="208"/>
      <c r="BH40" s="208"/>
      <c r="BI40" s="3"/>
      <c r="BJ40" s="22"/>
    </row>
    <row r="41" spans="1:62" s="5" customFormat="1" ht="63" customHeight="1">
      <c r="A41" s="7"/>
      <c r="B41" s="9"/>
      <c r="C41" s="208"/>
      <c r="D41" s="208"/>
      <c r="E41" s="208"/>
      <c r="F41" s="208"/>
      <c r="G41" s="208"/>
      <c r="H41" s="208"/>
      <c r="I41" s="208"/>
      <c r="J41" s="208"/>
      <c r="K41" s="208"/>
      <c r="L41" s="208"/>
      <c r="M41" s="208"/>
      <c r="N41" s="208"/>
      <c r="O41" s="208"/>
      <c r="P41" s="208"/>
      <c r="Q41" s="208"/>
      <c r="R41" s="208"/>
      <c r="S41" s="208"/>
      <c r="T41" s="208"/>
      <c r="U41" s="208"/>
      <c r="V41" s="208"/>
      <c r="W41" s="208"/>
      <c r="X41" s="208"/>
      <c r="Y41" s="208"/>
      <c r="Z41" s="208"/>
      <c r="AA41" s="208"/>
      <c r="AB41" s="208"/>
      <c r="AC41" s="208"/>
      <c r="AD41" s="208"/>
      <c r="AE41" s="208"/>
      <c r="AF41" s="208"/>
      <c r="AG41" s="208"/>
      <c r="AH41" s="208"/>
      <c r="AI41" s="208"/>
      <c r="AJ41" s="208"/>
      <c r="AK41" s="208"/>
      <c r="AL41" s="208"/>
      <c r="AM41" s="208"/>
      <c r="AN41" s="208"/>
      <c r="AO41" s="208"/>
      <c r="AP41" s="208"/>
      <c r="AQ41" s="208"/>
      <c r="AR41" s="208"/>
      <c r="AS41" s="208"/>
      <c r="AT41" s="208"/>
      <c r="AU41" s="208"/>
      <c r="AV41" s="208"/>
      <c r="AW41" s="208"/>
      <c r="AX41" s="208"/>
      <c r="AY41" s="208"/>
      <c r="AZ41" s="208"/>
      <c r="BA41" s="208"/>
      <c r="BB41" s="208"/>
      <c r="BC41" s="208"/>
      <c r="BD41" s="208"/>
      <c r="BE41" s="208"/>
      <c r="BF41" s="208"/>
      <c r="BG41" s="208"/>
      <c r="BH41" s="208"/>
      <c r="BI41" s="6"/>
      <c r="BJ41" s="6"/>
    </row>
    <row r="42" spans="1:62" s="5" customFormat="1" ht="15.75" customHeight="1">
      <c r="A42" s="7"/>
      <c r="B42" s="9"/>
      <c r="C42" s="14" t="s">
        <v>116</v>
      </c>
      <c r="D42" s="24"/>
      <c r="E42" s="24"/>
      <c r="F42" s="24"/>
      <c r="G42" s="24"/>
      <c r="H42" s="24"/>
      <c r="I42" s="24"/>
      <c r="J42" s="24"/>
      <c r="K42" s="24"/>
      <c r="L42" s="24"/>
      <c r="M42" s="24"/>
      <c r="N42" s="24"/>
      <c r="O42" s="24"/>
      <c r="P42" s="24"/>
      <c r="Q42" s="24"/>
      <c r="R42" s="24"/>
      <c r="S42" s="24"/>
      <c r="T42" s="24"/>
      <c r="U42" s="24"/>
      <c r="V42" s="24"/>
      <c r="W42" s="24"/>
      <c r="X42" s="24"/>
      <c r="Y42" s="24"/>
      <c r="Z42" s="24"/>
      <c r="AA42" s="24"/>
      <c r="AB42" s="24"/>
      <c r="AC42" s="24"/>
      <c r="AD42" s="24"/>
      <c r="AE42" s="24"/>
      <c r="AF42" s="24"/>
      <c r="AG42" s="24"/>
      <c r="AH42" s="24"/>
      <c r="AI42" s="24"/>
      <c r="AJ42" s="24"/>
      <c r="AK42" s="24"/>
      <c r="AL42" s="24"/>
      <c r="AM42" s="24"/>
      <c r="AN42" s="24"/>
      <c r="AO42" s="24"/>
      <c r="AP42" s="24"/>
      <c r="AQ42" s="24"/>
      <c r="AR42" s="24"/>
      <c r="AS42" s="24"/>
      <c r="AT42" s="24"/>
      <c r="AU42" s="24"/>
      <c r="AV42" s="24"/>
      <c r="AW42" s="24"/>
      <c r="AX42" s="24"/>
      <c r="AY42" s="24"/>
      <c r="AZ42" s="24"/>
      <c r="BA42" s="24"/>
      <c r="BB42" s="24"/>
      <c r="BC42" s="24"/>
      <c r="BD42" s="25"/>
      <c r="BE42" s="25"/>
      <c r="BF42" s="25"/>
      <c r="BG42" s="25"/>
      <c r="BH42" s="25"/>
      <c r="BI42" s="7"/>
      <c r="BJ42" s="6"/>
    </row>
    <row r="43" spans="1:62" ht="24" customHeight="1">
      <c r="A43" s="3"/>
      <c r="B43" s="49"/>
      <c r="C43" s="206" t="s">
        <v>26</v>
      </c>
      <c r="D43" s="206"/>
      <c r="E43" s="206"/>
      <c r="F43" s="206"/>
      <c r="G43" s="206"/>
      <c r="H43" s="206"/>
      <c r="I43" s="206"/>
      <c r="J43" s="206"/>
      <c r="K43" s="206"/>
      <c r="L43" s="206"/>
      <c r="M43" s="206"/>
      <c r="N43" s="206"/>
      <c r="O43" s="206"/>
      <c r="P43" s="206"/>
      <c r="Q43" s="206"/>
      <c r="R43" s="206"/>
      <c r="S43" s="206"/>
      <c r="T43" s="206"/>
      <c r="U43" s="206"/>
      <c r="V43" s="206"/>
      <c r="W43" s="206"/>
      <c r="X43" s="206"/>
      <c r="Y43" s="206"/>
      <c r="Z43" s="206"/>
      <c r="AA43" s="206"/>
      <c r="AB43" s="206"/>
      <c r="AC43" s="206"/>
      <c r="AD43" s="206"/>
      <c r="AE43" s="206"/>
      <c r="AF43" s="206"/>
      <c r="AG43" s="206"/>
      <c r="AH43" s="206"/>
      <c r="AI43" s="206"/>
      <c r="AJ43" s="206"/>
      <c r="AK43" s="206"/>
      <c r="AL43" s="206"/>
      <c r="AM43" s="206"/>
      <c r="AN43" s="206"/>
      <c r="AO43" s="206"/>
      <c r="AP43" s="206"/>
      <c r="AQ43" s="206"/>
      <c r="AR43" s="206"/>
      <c r="AS43" s="206"/>
      <c r="AT43" s="206"/>
      <c r="AU43" s="206"/>
      <c r="AV43" s="206"/>
      <c r="AW43" s="206"/>
      <c r="AX43" s="206"/>
      <c r="AY43" s="206"/>
      <c r="AZ43" s="206"/>
      <c r="BA43" s="206"/>
      <c r="BB43" s="206"/>
      <c r="BC43" s="206"/>
      <c r="BD43" s="207"/>
      <c r="BE43" s="207"/>
      <c r="BF43" s="207"/>
      <c r="BG43" s="207"/>
      <c r="BH43" s="207"/>
      <c r="BI43" s="3"/>
      <c r="BJ43" s="3"/>
    </row>
    <row r="44" spans="1:62" s="46" customFormat="1" ht="6" customHeight="1" thickBot="1">
      <c r="A44" s="52"/>
      <c r="B44" s="53"/>
      <c r="C44" s="26"/>
      <c r="D44" s="26"/>
      <c r="E44" s="26"/>
      <c r="F44" s="26"/>
      <c r="G44" s="26"/>
      <c r="H44" s="26"/>
      <c r="I44" s="26"/>
      <c r="J44" s="26"/>
      <c r="K44" s="26"/>
      <c r="L44" s="26"/>
      <c r="M44" s="26"/>
      <c r="N44" s="26"/>
      <c r="O44" s="26"/>
      <c r="P44" s="26"/>
      <c r="Q44" s="26"/>
      <c r="R44" s="26"/>
      <c r="S44" s="26"/>
      <c r="T44" s="26"/>
      <c r="U44" s="26"/>
      <c r="V44" s="26"/>
      <c r="W44" s="26"/>
      <c r="X44" s="26"/>
      <c r="Y44" s="26"/>
      <c r="Z44" s="26"/>
      <c r="AA44" s="26"/>
      <c r="AB44" s="26"/>
      <c r="AC44" s="26"/>
      <c r="AD44" s="26"/>
      <c r="AE44" s="26"/>
      <c r="AF44" s="26"/>
      <c r="AG44" s="26"/>
      <c r="AH44" s="26"/>
      <c r="AI44" s="26"/>
      <c r="AJ44" s="26"/>
      <c r="AK44" s="26"/>
      <c r="AL44" s="26"/>
      <c r="AM44" s="26"/>
      <c r="AN44" s="26"/>
      <c r="AO44" s="26"/>
      <c r="AP44" s="26"/>
      <c r="AQ44" s="26"/>
      <c r="AR44" s="26"/>
      <c r="AS44" s="26"/>
      <c r="AT44" s="26"/>
      <c r="AU44" s="26"/>
      <c r="AV44" s="26"/>
      <c r="AW44" s="26"/>
      <c r="AX44" s="26"/>
      <c r="AY44" s="26"/>
      <c r="AZ44" s="26"/>
      <c r="BA44" s="26"/>
      <c r="BB44" s="26"/>
      <c r="BC44" s="26"/>
      <c r="BD44" s="8"/>
      <c r="BE44" s="8"/>
      <c r="BF44" s="8"/>
      <c r="BG44" s="8"/>
      <c r="BH44" s="8"/>
      <c r="BI44" s="52"/>
      <c r="BJ44" s="43"/>
    </row>
    <row r="45" spans="1:62" ht="6" customHeight="1">
      <c r="A45" s="22"/>
      <c r="B45" s="2"/>
      <c r="C45" s="4" t="s">
        <v>25</v>
      </c>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22"/>
      <c r="BJ45" s="22"/>
    </row>
    <row r="46" spans="1:62" ht="18" customHeight="1">
      <c r="A46" s="22"/>
      <c r="B46" s="2"/>
      <c r="C46" s="44" t="s">
        <v>24</v>
      </c>
      <c r="D46" s="45"/>
      <c r="E46" s="45"/>
      <c r="F46" s="45"/>
      <c r="G46" s="45"/>
      <c r="H46" s="45"/>
      <c r="I46" s="45"/>
      <c r="J46" s="45"/>
      <c r="K46" s="45"/>
      <c r="L46" s="45"/>
      <c r="M46" s="45"/>
      <c r="N46" s="45"/>
      <c r="O46" s="45"/>
      <c r="P46" s="45"/>
      <c r="Q46" s="45"/>
      <c r="R46" s="45"/>
      <c r="S46" s="45"/>
      <c r="T46" s="45"/>
      <c r="U46" s="45"/>
      <c r="V46" s="45"/>
      <c r="W46" s="45"/>
      <c r="X46" s="45"/>
      <c r="Y46" s="45"/>
      <c r="Z46" s="45"/>
      <c r="AA46" s="45"/>
      <c r="AB46" s="45"/>
      <c r="AC46" s="45"/>
      <c r="AD46" s="45"/>
      <c r="AE46" s="45"/>
      <c r="AF46" s="45"/>
      <c r="AG46" s="45"/>
      <c r="AI46" s="57"/>
      <c r="AJ46" s="57"/>
      <c r="AK46" s="57"/>
      <c r="AL46" s="57"/>
      <c r="AM46" s="57"/>
      <c r="AN46" s="57"/>
      <c r="AO46" s="57"/>
      <c r="AP46" s="57"/>
      <c r="AQ46" s="57"/>
      <c r="AR46" s="57"/>
      <c r="AS46" s="57"/>
      <c r="AT46" s="57"/>
      <c r="AU46" s="57"/>
      <c r="AV46" s="57"/>
      <c r="AW46" s="57"/>
      <c r="AX46" s="57"/>
      <c r="AY46" s="57"/>
      <c r="AZ46" s="57"/>
      <c r="BA46" s="57"/>
      <c r="BB46" s="57"/>
      <c r="BC46" s="57"/>
      <c r="BD46" s="57"/>
      <c r="BE46" s="57"/>
      <c r="BF46" s="45"/>
      <c r="BG46" s="58" t="s">
        <v>23</v>
      </c>
      <c r="BH46" s="45"/>
      <c r="BI46" s="22"/>
      <c r="BJ46" s="22"/>
    </row>
    <row r="47" spans="1:62" ht="18" customHeight="1">
      <c r="A47" s="22"/>
      <c r="B47" s="2"/>
      <c r="C47" s="95" t="s">
        <v>22</v>
      </c>
      <c r="D47" s="126"/>
      <c r="E47" s="126"/>
      <c r="F47" s="126"/>
      <c r="G47" s="126"/>
      <c r="H47" s="126"/>
      <c r="I47" s="126"/>
      <c r="J47" s="126"/>
      <c r="K47" s="126"/>
      <c r="L47" s="126"/>
      <c r="M47" s="126"/>
      <c r="N47" s="126"/>
      <c r="O47" s="126"/>
      <c r="P47" s="127"/>
      <c r="Q47" s="182" t="s">
        <v>18</v>
      </c>
      <c r="R47" s="183"/>
      <c r="S47" s="183"/>
      <c r="T47" s="183"/>
      <c r="U47" s="183"/>
      <c r="V47" s="183"/>
      <c r="W47" s="183"/>
      <c r="X47" s="183"/>
      <c r="Y47" s="183"/>
      <c r="Z47" s="183"/>
      <c r="AA47" s="183"/>
      <c r="AB47" s="183"/>
      <c r="AC47" s="184"/>
      <c r="AD47" s="182" t="s">
        <v>21</v>
      </c>
      <c r="AE47" s="124"/>
      <c r="AF47" s="124"/>
      <c r="AG47" s="124"/>
      <c r="AH47" s="124"/>
      <c r="AI47" s="124"/>
      <c r="AJ47" s="124"/>
      <c r="AK47" s="124"/>
      <c r="AL47" s="124"/>
      <c r="AM47" s="124"/>
      <c r="AN47" s="124"/>
      <c r="AO47" s="124"/>
      <c r="AP47" s="124"/>
      <c r="AQ47" s="124"/>
      <c r="AR47" s="182" t="s">
        <v>20</v>
      </c>
      <c r="AS47" s="124"/>
      <c r="AT47" s="124"/>
      <c r="AU47" s="124"/>
      <c r="AV47" s="124"/>
      <c r="AW47" s="124"/>
      <c r="AX47" s="124"/>
      <c r="AY47" s="124"/>
      <c r="AZ47" s="124"/>
      <c r="BA47" s="124"/>
      <c r="BB47" s="124"/>
      <c r="BC47" s="124"/>
      <c r="BD47" s="124"/>
      <c r="BE47" s="124"/>
      <c r="BF47" s="124"/>
      <c r="BG47" s="124"/>
      <c r="BH47" s="125"/>
      <c r="BI47" s="22"/>
      <c r="BJ47" s="22"/>
    </row>
    <row r="48" spans="1:62" ht="18" customHeight="1">
      <c r="A48" s="22"/>
      <c r="B48" s="2"/>
      <c r="C48" s="281" t="s">
        <v>19</v>
      </c>
      <c r="D48" s="281"/>
      <c r="E48" s="281"/>
      <c r="F48" s="281"/>
      <c r="G48" s="281"/>
      <c r="H48" s="281"/>
      <c r="I48" s="281"/>
      <c r="J48" s="281"/>
      <c r="K48" s="281"/>
      <c r="L48" s="281"/>
      <c r="M48" s="281"/>
      <c r="N48" s="281"/>
      <c r="O48" s="281"/>
      <c r="P48" s="281"/>
      <c r="Q48" s="95" t="s">
        <v>18</v>
      </c>
      <c r="R48" s="126"/>
      <c r="S48" s="126"/>
      <c r="T48" s="126"/>
      <c r="U48" s="126"/>
      <c r="V48" s="126"/>
      <c r="W48" s="126"/>
      <c r="X48" s="126"/>
      <c r="Y48" s="126"/>
      <c r="Z48" s="126"/>
      <c r="AA48" s="126"/>
      <c r="AB48" s="126"/>
      <c r="AC48" s="127"/>
      <c r="AD48" s="95" t="s">
        <v>17</v>
      </c>
      <c r="AE48" s="247"/>
      <c r="AF48" s="247"/>
      <c r="AG48" s="247"/>
      <c r="AH48" s="247"/>
      <c r="AI48" s="247"/>
      <c r="AJ48" s="247"/>
      <c r="AK48" s="247"/>
      <c r="AL48" s="247"/>
      <c r="AM48" s="247"/>
      <c r="AN48" s="247"/>
      <c r="AO48" s="247"/>
      <c r="AP48" s="247"/>
      <c r="AQ48" s="247"/>
      <c r="AR48" s="200" t="s">
        <v>13</v>
      </c>
      <c r="AS48" s="201"/>
      <c r="AT48" s="201"/>
      <c r="AU48" s="201"/>
      <c r="AV48" s="201"/>
      <c r="AW48" s="201"/>
      <c r="AX48" s="201"/>
      <c r="AY48" s="201"/>
      <c r="AZ48" s="201"/>
      <c r="BA48" s="201"/>
      <c r="BB48" s="201"/>
      <c r="BC48" s="201"/>
      <c r="BD48" s="201"/>
      <c r="BE48" s="201"/>
      <c r="BF48" s="201"/>
      <c r="BG48" s="201"/>
      <c r="BH48" s="202"/>
      <c r="BI48" s="22"/>
      <c r="BJ48" s="22"/>
    </row>
    <row r="49" spans="1:62" ht="18" customHeight="1">
      <c r="A49" s="22"/>
      <c r="B49" s="2"/>
      <c r="C49" s="95" t="s">
        <v>16</v>
      </c>
      <c r="D49" s="126"/>
      <c r="E49" s="126"/>
      <c r="F49" s="126"/>
      <c r="G49" s="126"/>
      <c r="H49" s="126"/>
      <c r="I49" s="126"/>
      <c r="J49" s="126"/>
      <c r="K49" s="126"/>
      <c r="L49" s="126"/>
      <c r="M49" s="126"/>
      <c r="N49" s="126"/>
      <c r="O49" s="126"/>
      <c r="P49" s="127"/>
      <c r="Q49" s="188" t="s">
        <v>15</v>
      </c>
      <c r="R49" s="189"/>
      <c r="S49" s="189"/>
      <c r="T49" s="189"/>
      <c r="U49" s="189"/>
      <c r="V49" s="189"/>
      <c r="W49" s="189"/>
      <c r="X49" s="189"/>
      <c r="Y49" s="189"/>
      <c r="Z49" s="189"/>
      <c r="AA49" s="189"/>
      <c r="AB49" s="189"/>
      <c r="AC49" s="190"/>
      <c r="AD49" s="95" t="s">
        <v>14</v>
      </c>
      <c r="AE49" s="247"/>
      <c r="AF49" s="247"/>
      <c r="AG49" s="247"/>
      <c r="AH49" s="247"/>
      <c r="AI49" s="247"/>
      <c r="AJ49" s="247"/>
      <c r="AK49" s="247"/>
      <c r="AL49" s="247"/>
      <c r="AM49" s="247"/>
      <c r="AN49" s="247"/>
      <c r="AO49" s="247"/>
      <c r="AP49" s="247"/>
      <c r="AQ49" s="251"/>
      <c r="AR49" s="200" t="s">
        <v>13</v>
      </c>
      <c r="AS49" s="201"/>
      <c r="AT49" s="201"/>
      <c r="AU49" s="201"/>
      <c r="AV49" s="201"/>
      <c r="AW49" s="201"/>
      <c r="AX49" s="201"/>
      <c r="AY49" s="201"/>
      <c r="AZ49" s="201"/>
      <c r="BA49" s="201"/>
      <c r="BB49" s="201"/>
      <c r="BC49" s="201"/>
      <c r="BD49" s="201"/>
      <c r="BE49" s="201"/>
      <c r="BF49" s="201"/>
      <c r="BG49" s="201"/>
      <c r="BH49" s="202"/>
      <c r="BI49" s="22"/>
    </row>
    <row r="50" spans="1:62" ht="18" customHeight="1">
      <c r="A50" s="22"/>
      <c r="B50" s="2"/>
      <c r="C50" s="258" t="s">
        <v>12</v>
      </c>
      <c r="D50" s="259"/>
      <c r="E50" s="259"/>
      <c r="F50" s="259"/>
      <c r="G50" s="259"/>
      <c r="H50" s="259"/>
      <c r="I50" s="259"/>
      <c r="J50" s="259"/>
      <c r="K50" s="259"/>
      <c r="L50" s="259"/>
      <c r="M50" s="259"/>
      <c r="N50" s="259"/>
      <c r="O50" s="259"/>
      <c r="P50" s="260"/>
      <c r="Q50" s="248"/>
      <c r="R50" s="249"/>
      <c r="S50" s="249"/>
      <c r="T50" s="249"/>
      <c r="U50" s="249"/>
      <c r="V50" s="249"/>
      <c r="W50" s="249"/>
      <c r="X50" s="249"/>
      <c r="Y50" s="249"/>
      <c r="Z50" s="249"/>
      <c r="AA50" s="249"/>
      <c r="AB50" s="249"/>
      <c r="AC50" s="250"/>
      <c r="AD50" s="252"/>
      <c r="AE50" s="253"/>
      <c r="AF50" s="253"/>
      <c r="AG50" s="253"/>
      <c r="AH50" s="253"/>
      <c r="AI50" s="253"/>
      <c r="AJ50" s="253"/>
      <c r="AK50" s="253"/>
      <c r="AL50" s="253"/>
      <c r="AM50" s="253"/>
      <c r="AN50" s="253"/>
      <c r="AO50" s="253"/>
      <c r="AP50" s="253"/>
      <c r="AQ50" s="254"/>
      <c r="AR50" s="255"/>
      <c r="AS50" s="256"/>
      <c r="AT50" s="256"/>
      <c r="AU50" s="256"/>
      <c r="AV50" s="256"/>
      <c r="AW50" s="256"/>
      <c r="AX50" s="256"/>
      <c r="AY50" s="256"/>
      <c r="AZ50" s="256"/>
      <c r="BA50" s="256"/>
      <c r="BB50" s="256"/>
      <c r="BC50" s="256"/>
      <c r="BD50" s="256"/>
      <c r="BE50" s="256"/>
      <c r="BF50" s="256"/>
      <c r="BG50" s="256"/>
      <c r="BH50" s="257"/>
      <c r="BI50" s="22"/>
    </row>
    <row r="51" spans="1:62" ht="18" customHeight="1">
      <c r="A51" s="22"/>
      <c r="B51" s="2"/>
      <c r="C51" s="108" t="s">
        <v>92</v>
      </c>
      <c r="D51" s="109"/>
      <c r="E51" s="109"/>
      <c r="F51" s="109"/>
      <c r="G51" s="109"/>
      <c r="H51" s="109"/>
      <c r="I51" s="109"/>
      <c r="J51" s="110"/>
      <c r="K51" s="276" t="s">
        <v>117</v>
      </c>
      <c r="L51" s="277"/>
      <c r="M51" s="277"/>
      <c r="N51" s="277"/>
      <c r="O51" s="277"/>
      <c r="P51" s="277"/>
      <c r="Q51" s="277"/>
      <c r="R51" s="277"/>
      <c r="S51" s="277"/>
      <c r="T51" s="277"/>
      <c r="U51" s="277"/>
      <c r="V51" s="277"/>
      <c r="W51" s="277"/>
      <c r="X51" s="277"/>
      <c r="Y51" s="277"/>
      <c r="Z51" s="277"/>
      <c r="AA51" s="277"/>
      <c r="AB51" s="277"/>
      <c r="AC51" s="277"/>
      <c r="AD51" s="277"/>
      <c r="AE51" s="277"/>
      <c r="AF51" s="68"/>
      <c r="AG51" s="69"/>
      <c r="AH51" s="69"/>
      <c r="AI51" s="69"/>
      <c r="AJ51" s="69"/>
      <c r="AK51" s="261" t="s">
        <v>93</v>
      </c>
      <c r="AL51" s="262"/>
      <c r="AM51" s="262"/>
      <c r="AN51" s="262"/>
      <c r="AO51" s="262"/>
      <c r="AP51" s="262"/>
      <c r="AQ51" s="262"/>
      <c r="AR51" s="262"/>
      <c r="AS51" s="262"/>
      <c r="AT51" s="262"/>
      <c r="AU51" s="262"/>
      <c r="AV51" s="262"/>
      <c r="AW51" s="262"/>
      <c r="AX51" s="262"/>
      <c r="AY51" s="262"/>
      <c r="AZ51" s="262"/>
      <c r="BA51" s="262"/>
      <c r="BB51" s="262"/>
      <c r="BC51" s="262"/>
      <c r="BD51" s="262"/>
      <c r="BE51" s="262"/>
      <c r="BF51" s="262"/>
      <c r="BG51" s="262"/>
      <c r="BH51" s="263"/>
      <c r="BI51" s="22"/>
      <c r="BJ51" s="22"/>
    </row>
    <row r="52" spans="1:62" ht="18" customHeight="1">
      <c r="A52" s="22"/>
      <c r="B52" s="2"/>
      <c r="C52" s="111"/>
      <c r="D52" s="112"/>
      <c r="E52" s="112"/>
      <c r="F52" s="112"/>
      <c r="G52" s="112"/>
      <c r="H52" s="112"/>
      <c r="I52" s="112"/>
      <c r="J52" s="113"/>
      <c r="K52" s="278" t="s">
        <v>112</v>
      </c>
      <c r="L52" s="279"/>
      <c r="M52" s="279"/>
      <c r="N52" s="279"/>
      <c r="O52" s="279"/>
      <c r="P52" s="279"/>
      <c r="Q52" s="279"/>
      <c r="R52" s="279"/>
      <c r="S52" s="279"/>
      <c r="T52" s="279"/>
      <c r="U52" s="279"/>
      <c r="V52" s="279"/>
      <c r="W52" s="279"/>
      <c r="X52" s="279"/>
      <c r="Y52" s="279"/>
      <c r="Z52" s="279"/>
      <c r="AA52" s="279"/>
      <c r="AB52" s="279"/>
      <c r="AC52" s="279"/>
      <c r="AD52" s="279"/>
      <c r="AE52" s="279"/>
      <c r="AF52" s="279"/>
      <c r="AG52" s="279"/>
      <c r="AH52" s="279"/>
      <c r="AI52" s="279"/>
      <c r="AJ52" s="279"/>
      <c r="AK52" s="279"/>
      <c r="AL52" s="279"/>
      <c r="AM52" s="279"/>
      <c r="AN52" s="279"/>
      <c r="AO52" s="279"/>
      <c r="AP52" s="279"/>
      <c r="AQ52" s="279"/>
      <c r="AR52" s="279"/>
      <c r="AS52" s="279"/>
      <c r="AT52" s="279"/>
      <c r="AU52" s="279"/>
      <c r="AV52" s="279"/>
      <c r="AW52" s="279"/>
      <c r="AX52" s="279"/>
      <c r="AY52" s="279"/>
      <c r="AZ52" s="279"/>
      <c r="BA52" s="279"/>
      <c r="BB52" s="279"/>
      <c r="BC52" s="279"/>
      <c r="BD52" s="279"/>
      <c r="BE52" s="279"/>
      <c r="BF52" s="279"/>
      <c r="BG52" s="279"/>
      <c r="BH52" s="280"/>
      <c r="BI52" s="22"/>
    </row>
    <row r="53" spans="1:62" ht="15" customHeight="1">
      <c r="A53" s="22"/>
      <c r="B53" s="2"/>
      <c r="C53" s="208" t="s">
        <v>11</v>
      </c>
      <c r="D53" s="208"/>
      <c r="E53" s="208"/>
      <c r="F53" s="208"/>
      <c r="G53" s="208"/>
      <c r="H53" s="208"/>
      <c r="I53" s="208"/>
      <c r="J53" s="208"/>
      <c r="K53" s="208"/>
      <c r="L53" s="208"/>
      <c r="M53" s="208"/>
      <c r="N53" s="208"/>
      <c r="O53" s="208"/>
      <c r="P53" s="208"/>
      <c r="Q53" s="208"/>
      <c r="R53" s="208"/>
      <c r="S53" s="208"/>
      <c r="T53" s="208"/>
      <c r="U53" s="208"/>
      <c r="V53" s="208"/>
      <c r="W53" s="208"/>
      <c r="X53" s="208"/>
      <c r="Y53" s="208"/>
      <c r="Z53" s="208"/>
      <c r="AA53" s="208"/>
      <c r="AB53" s="208"/>
      <c r="AC53" s="208"/>
      <c r="AD53" s="208"/>
      <c r="AE53" s="208"/>
      <c r="AF53" s="208"/>
      <c r="AG53" s="208"/>
      <c r="AH53" s="208"/>
      <c r="AI53" s="208"/>
      <c r="AJ53" s="208"/>
      <c r="AK53" s="208"/>
      <c r="AL53" s="208"/>
      <c r="AM53" s="208"/>
      <c r="AN53" s="208"/>
      <c r="AO53" s="208"/>
      <c r="AP53" s="208"/>
      <c r="AQ53" s="208"/>
      <c r="AR53" s="208"/>
      <c r="AS53" s="208"/>
      <c r="AT53" s="208"/>
      <c r="AU53" s="208"/>
      <c r="AV53" s="208"/>
      <c r="AW53" s="208"/>
      <c r="AX53" s="208"/>
      <c r="AY53" s="208"/>
      <c r="AZ53" s="208"/>
      <c r="BA53" s="208"/>
      <c r="BB53" s="208"/>
      <c r="BC53" s="208"/>
      <c r="BD53" s="208"/>
      <c r="BE53" s="208"/>
      <c r="BF53" s="208"/>
      <c r="BG53" s="208"/>
      <c r="BH53" s="208"/>
      <c r="BI53" s="22"/>
    </row>
    <row r="54" spans="1:62" ht="12" customHeight="1">
      <c r="A54" s="22"/>
      <c r="B54" s="2"/>
      <c r="C54" s="208"/>
      <c r="D54" s="208"/>
      <c r="E54" s="208"/>
      <c r="F54" s="208"/>
      <c r="G54" s="208"/>
      <c r="H54" s="208"/>
      <c r="I54" s="208"/>
      <c r="J54" s="208"/>
      <c r="K54" s="208"/>
      <c r="L54" s="208"/>
      <c r="M54" s="208"/>
      <c r="N54" s="208"/>
      <c r="O54" s="208"/>
      <c r="P54" s="208"/>
      <c r="Q54" s="208"/>
      <c r="R54" s="208"/>
      <c r="S54" s="208"/>
      <c r="T54" s="208"/>
      <c r="U54" s="208"/>
      <c r="V54" s="208"/>
      <c r="W54" s="208"/>
      <c r="X54" s="208"/>
      <c r="Y54" s="208"/>
      <c r="Z54" s="208"/>
      <c r="AA54" s="208"/>
      <c r="AB54" s="208"/>
      <c r="AC54" s="208"/>
      <c r="AD54" s="208"/>
      <c r="AE54" s="208"/>
      <c r="AF54" s="208"/>
      <c r="AG54" s="208"/>
      <c r="AH54" s="208"/>
      <c r="AI54" s="208"/>
      <c r="AJ54" s="208"/>
      <c r="AK54" s="208"/>
      <c r="AL54" s="208"/>
      <c r="AM54" s="208"/>
      <c r="AN54" s="208"/>
      <c r="AO54" s="208"/>
      <c r="AP54" s="208"/>
      <c r="AQ54" s="208"/>
      <c r="AR54" s="208"/>
      <c r="AS54" s="208"/>
      <c r="AT54" s="208"/>
      <c r="AU54" s="208"/>
      <c r="AV54" s="208"/>
      <c r="AW54" s="208"/>
      <c r="AX54" s="208"/>
      <c r="AY54" s="208"/>
      <c r="AZ54" s="208"/>
      <c r="BA54" s="208"/>
      <c r="BB54" s="208"/>
      <c r="BC54" s="208"/>
      <c r="BD54" s="208"/>
      <c r="BE54" s="208"/>
      <c r="BF54" s="208"/>
      <c r="BG54" s="208"/>
      <c r="BH54" s="208"/>
      <c r="BI54" s="22"/>
    </row>
    <row r="55" spans="1:62" ht="15" customHeight="1">
      <c r="A55" s="22"/>
      <c r="B55" s="2"/>
      <c r="C55" s="2" t="s">
        <v>10</v>
      </c>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2"/>
      <c r="AL55" s="22"/>
      <c r="AM55" s="22"/>
      <c r="AN55" s="22"/>
      <c r="AO55" s="22"/>
      <c r="AP55" s="22"/>
      <c r="AQ55" s="22"/>
      <c r="AR55" s="22"/>
      <c r="AS55" s="22"/>
      <c r="AT55" s="22"/>
      <c r="AU55" s="22"/>
      <c r="AV55" s="22"/>
      <c r="AW55" s="22"/>
      <c r="AX55" s="22"/>
      <c r="AY55" s="22"/>
      <c r="AZ55" s="22"/>
      <c r="BA55" s="22"/>
      <c r="BB55" s="22"/>
      <c r="BC55" s="22"/>
      <c r="BD55" s="22"/>
      <c r="BE55" s="22"/>
      <c r="BF55" s="22"/>
      <c r="BG55" s="22"/>
      <c r="BH55" s="22"/>
      <c r="BI55" s="22"/>
    </row>
    <row r="56" spans="1:62" ht="15" customHeight="1">
      <c r="A56" s="22"/>
      <c r="B56" s="2"/>
      <c r="C56" s="182" t="s">
        <v>9</v>
      </c>
      <c r="D56" s="124"/>
      <c r="E56" s="124"/>
      <c r="F56" s="124"/>
      <c r="G56" s="124"/>
      <c r="H56" s="124"/>
      <c r="I56" s="124"/>
      <c r="J56" s="124"/>
      <c r="K56" s="124"/>
      <c r="L56" s="125"/>
      <c r="M56" s="117"/>
      <c r="N56" s="270"/>
      <c r="O56" s="270"/>
      <c r="P56" s="270"/>
      <c r="Q56" s="270"/>
      <c r="R56" s="270"/>
      <c r="S56" s="270"/>
      <c r="T56" s="246" t="s">
        <v>8</v>
      </c>
      <c r="U56" s="246"/>
      <c r="V56" s="246"/>
      <c r="W56" s="246"/>
      <c r="X56" s="246"/>
      <c r="Y56" s="246"/>
      <c r="Z56" s="246"/>
      <c r="AA56" s="246"/>
      <c r="AB56" s="246"/>
      <c r="AC56" s="246"/>
      <c r="AD56" s="246"/>
      <c r="AE56" s="246"/>
      <c r="AF56" s="76" t="s">
        <v>7</v>
      </c>
      <c r="AG56" s="79"/>
      <c r="AH56" s="79"/>
      <c r="AI56" s="79"/>
      <c r="AJ56" s="79"/>
      <c r="AK56" s="79"/>
      <c r="AL56" s="79"/>
      <c r="AM56" s="79"/>
      <c r="AN56" s="79"/>
      <c r="AO56" s="79"/>
      <c r="AP56" s="79"/>
      <c r="AQ56" s="79"/>
      <c r="AR56" s="224"/>
      <c r="AS56" s="79" t="s">
        <v>6</v>
      </c>
      <c r="AT56" s="79"/>
      <c r="AU56" s="79"/>
      <c r="AV56" s="79"/>
      <c r="AW56" s="79"/>
      <c r="AX56" s="79"/>
      <c r="AY56" s="79"/>
      <c r="AZ56" s="79"/>
      <c r="BA56" s="79"/>
      <c r="BB56" s="79"/>
      <c r="BC56" s="79"/>
      <c r="BD56" s="79"/>
      <c r="BE56" s="79"/>
      <c r="BF56" s="79"/>
      <c r="BG56" s="79"/>
      <c r="BH56" s="224"/>
      <c r="BI56" s="22"/>
    </row>
    <row r="57" spans="1:62" ht="23.25" customHeight="1">
      <c r="A57" s="22"/>
      <c r="B57" s="2"/>
      <c r="C57" s="114" t="s">
        <v>5</v>
      </c>
      <c r="D57" s="115"/>
      <c r="E57" s="115"/>
      <c r="F57" s="115"/>
      <c r="G57" s="115"/>
      <c r="H57" s="115"/>
      <c r="I57" s="115"/>
      <c r="J57" s="115"/>
      <c r="K57" s="115"/>
      <c r="L57" s="116"/>
      <c r="M57" s="76"/>
      <c r="N57" s="77"/>
      <c r="O57" s="77"/>
      <c r="P57" s="77"/>
      <c r="Q57" s="77"/>
      <c r="R57" s="77"/>
      <c r="S57" s="88"/>
      <c r="T57" s="143"/>
      <c r="U57" s="144"/>
      <c r="V57" s="144"/>
      <c r="W57" s="144"/>
      <c r="X57" s="144"/>
      <c r="Y57" s="144"/>
      <c r="Z57" s="144"/>
      <c r="AA57" s="144"/>
      <c r="AB57" s="144"/>
      <c r="AC57" s="144"/>
      <c r="AD57" s="144"/>
      <c r="AE57" s="144"/>
      <c r="AF57" s="243" t="s">
        <v>25</v>
      </c>
      <c r="AG57" s="244"/>
      <c r="AH57" s="244"/>
      <c r="AI57" s="244"/>
      <c r="AJ57" s="244"/>
      <c r="AK57" s="244"/>
      <c r="AL57" s="244"/>
      <c r="AM57" s="244"/>
      <c r="AN57" s="244"/>
      <c r="AO57" s="244"/>
      <c r="AP57" s="244"/>
      <c r="AQ57" s="244"/>
      <c r="AR57" s="245"/>
      <c r="AS57" s="264"/>
      <c r="AT57" s="264"/>
      <c r="AU57" s="264"/>
      <c r="AV57" s="264"/>
      <c r="AW57" s="264"/>
      <c r="AX57" s="264"/>
      <c r="AY57" s="264"/>
      <c r="AZ57" s="264"/>
      <c r="BA57" s="264"/>
      <c r="BB57" s="264"/>
      <c r="BC57" s="264"/>
      <c r="BD57" s="264"/>
      <c r="BE57" s="264"/>
      <c r="BF57" s="264"/>
      <c r="BG57" s="264"/>
      <c r="BH57" s="265"/>
      <c r="BI57" s="22"/>
    </row>
    <row r="58" spans="1:62" ht="23.25" customHeight="1">
      <c r="A58" s="22"/>
      <c r="B58" s="2"/>
      <c r="C58" s="114" t="s">
        <v>4</v>
      </c>
      <c r="D58" s="115"/>
      <c r="E58" s="115"/>
      <c r="F58" s="115"/>
      <c r="G58" s="115"/>
      <c r="H58" s="115"/>
      <c r="I58" s="115"/>
      <c r="J58" s="115"/>
      <c r="K58" s="115"/>
      <c r="L58" s="116"/>
      <c r="M58" s="117" t="s">
        <v>3</v>
      </c>
      <c r="N58" s="118"/>
      <c r="O58" s="118"/>
      <c r="P58" s="118"/>
      <c r="Q58" s="118"/>
      <c r="R58" s="118"/>
      <c r="S58" s="118"/>
      <c r="T58" s="274"/>
      <c r="U58" s="275"/>
      <c r="V58" s="275"/>
      <c r="W58" s="275"/>
      <c r="X58" s="275"/>
      <c r="Y58" s="275"/>
      <c r="Z58" s="275"/>
      <c r="AA58" s="275"/>
      <c r="AB58" s="275"/>
      <c r="AC58" s="275"/>
      <c r="AD58" s="275"/>
      <c r="AE58" s="275"/>
      <c r="AF58" s="243"/>
      <c r="AG58" s="244"/>
      <c r="AH58" s="244"/>
      <c r="AI58" s="244"/>
      <c r="AJ58" s="244"/>
      <c r="AK58" s="244"/>
      <c r="AL58" s="244"/>
      <c r="AM58" s="244"/>
      <c r="AN58" s="244"/>
      <c r="AO58" s="244"/>
      <c r="AP58" s="244"/>
      <c r="AQ58" s="244"/>
      <c r="AR58" s="245"/>
      <c r="AS58" s="266"/>
      <c r="AT58" s="266"/>
      <c r="AU58" s="266"/>
      <c r="AV58" s="266"/>
      <c r="AW58" s="266"/>
      <c r="AX58" s="266"/>
      <c r="AY58" s="266"/>
      <c r="AZ58" s="266"/>
      <c r="BA58" s="266"/>
      <c r="BB58" s="266"/>
      <c r="BC58" s="266"/>
      <c r="BD58" s="266"/>
      <c r="BE58" s="266"/>
      <c r="BF58" s="266"/>
      <c r="BG58" s="266"/>
      <c r="BH58" s="267"/>
      <c r="BI58" s="22"/>
    </row>
    <row r="59" spans="1:62" ht="23.25" customHeight="1">
      <c r="C59" s="114" t="s">
        <v>2</v>
      </c>
      <c r="D59" s="115"/>
      <c r="E59" s="115"/>
      <c r="F59" s="115"/>
      <c r="G59" s="115"/>
      <c r="H59" s="115"/>
      <c r="I59" s="115"/>
      <c r="J59" s="115"/>
      <c r="K59" s="115"/>
      <c r="L59" s="116"/>
      <c r="M59" s="143" t="s">
        <v>1</v>
      </c>
      <c r="N59" s="144"/>
      <c r="O59" s="144"/>
      <c r="P59" s="144"/>
      <c r="Q59" s="144"/>
      <c r="R59" s="144"/>
      <c r="S59" s="145"/>
      <c r="T59" s="274"/>
      <c r="U59" s="275"/>
      <c r="V59" s="275"/>
      <c r="W59" s="275"/>
      <c r="X59" s="275"/>
      <c r="Y59" s="275"/>
      <c r="Z59" s="275"/>
      <c r="AA59" s="275"/>
      <c r="AB59" s="275"/>
      <c r="AC59" s="275"/>
      <c r="AD59" s="275"/>
      <c r="AE59" s="275"/>
      <c r="AF59" s="243"/>
      <c r="AG59" s="244"/>
      <c r="AH59" s="244"/>
      <c r="AI59" s="244"/>
      <c r="AJ59" s="244"/>
      <c r="AK59" s="244"/>
      <c r="AL59" s="244"/>
      <c r="AM59" s="244"/>
      <c r="AN59" s="244"/>
      <c r="AO59" s="244"/>
      <c r="AP59" s="244"/>
      <c r="AQ59" s="244"/>
      <c r="AR59" s="245"/>
      <c r="AS59" s="266"/>
      <c r="AT59" s="266"/>
      <c r="AU59" s="266"/>
      <c r="AV59" s="266"/>
      <c r="AW59" s="266"/>
      <c r="AX59" s="266"/>
      <c r="AY59" s="266"/>
      <c r="AZ59" s="266"/>
      <c r="BA59" s="266"/>
      <c r="BB59" s="266"/>
      <c r="BC59" s="266"/>
      <c r="BD59" s="266"/>
      <c r="BE59" s="266"/>
      <c r="BF59" s="266"/>
      <c r="BG59" s="266"/>
      <c r="BH59" s="267"/>
    </row>
    <row r="60" spans="1:62" ht="23.25" customHeight="1">
      <c r="C60" s="271" t="s">
        <v>0</v>
      </c>
      <c r="D60" s="272"/>
      <c r="E60" s="272"/>
      <c r="F60" s="272"/>
      <c r="G60" s="272"/>
      <c r="H60" s="272"/>
      <c r="I60" s="272"/>
      <c r="J60" s="272"/>
      <c r="K60" s="272"/>
      <c r="L60" s="273"/>
      <c r="M60" s="146"/>
      <c r="N60" s="147"/>
      <c r="O60" s="147"/>
      <c r="P60" s="147"/>
      <c r="Q60" s="147"/>
      <c r="R60" s="147"/>
      <c r="S60" s="148"/>
      <c r="T60" s="146"/>
      <c r="U60" s="147"/>
      <c r="V60" s="147"/>
      <c r="W60" s="147"/>
      <c r="X60" s="147"/>
      <c r="Y60" s="147"/>
      <c r="Z60" s="147"/>
      <c r="AA60" s="147"/>
      <c r="AB60" s="147"/>
      <c r="AC60" s="147"/>
      <c r="AD60" s="147"/>
      <c r="AE60" s="147"/>
      <c r="AF60" s="243"/>
      <c r="AG60" s="244"/>
      <c r="AH60" s="244"/>
      <c r="AI60" s="244"/>
      <c r="AJ60" s="244"/>
      <c r="AK60" s="244"/>
      <c r="AL60" s="244"/>
      <c r="AM60" s="244"/>
      <c r="AN60" s="244"/>
      <c r="AO60" s="244"/>
      <c r="AP60" s="244"/>
      <c r="AQ60" s="244"/>
      <c r="AR60" s="245"/>
      <c r="AS60" s="268"/>
      <c r="AT60" s="268"/>
      <c r="AU60" s="268"/>
      <c r="AV60" s="268"/>
      <c r="AW60" s="268"/>
      <c r="AX60" s="268"/>
      <c r="AY60" s="268"/>
      <c r="AZ60" s="268"/>
      <c r="BA60" s="268"/>
      <c r="BB60" s="268"/>
      <c r="BC60" s="268"/>
      <c r="BD60" s="268"/>
      <c r="BE60" s="268"/>
      <c r="BF60" s="268"/>
      <c r="BG60" s="268"/>
      <c r="BH60" s="269"/>
    </row>
  </sheetData>
  <mergeCells count="112">
    <mergeCell ref="AF57:AR60"/>
    <mergeCell ref="T56:AE56"/>
    <mergeCell ref="AF56:AR56"/>
    <mergeCell ref="AD48:AQ48"/>
    <mergeCell ref="AR48:BH48"/>
    <mergeCell ref="C49:P49"/>
    <mergeCell ref="Q49:AC50"/>
    <mergeCell ref="AD49:AQ50"/>
    <mergeCell ref="AR49:BH50"/>
    <mergeCell ref="C50:P50"/>
    <mergeCell ref="Q48:AC48"/>
    <mergeCell ref="AS56:BH56"/>
    <mergeCell ref="AK51:BH51"/>
    <mergeCell ref="AS57:BH60"/>
    <mergeCell ref="C53:BH54"/>
    <mergeCell ref="C56:L56"/>
    <mergeCell ref="M56:S56"/>
    <mergeCell ref="C59:L59"/>
    <mergeCell ref="M59:S60"/>
    <mergeCell ref="C60:L60"/>
    <mergeCell ref="T57:AE60"/>
    <mergeCell ref="K51:AE51"/>
    <mergeCell ref="K52:BH52"/>
    <mergeCell ref="C48:P48"/>
    <mergeCell ref="K15:AN15"/>
    <mergeCell ref="AO15:BH16"/>
    <mergeCell ref="Q16:AN16"/>
    <mergeCell ref="C21:J22"/>
    <mergeCell ref="M21:BH21"/>
    <mergeCell ref="K22:AK22"/>
    <mergeCell ref="AN22:BH22"/>
    <mergeCell ref="AN19:BH20"/>
    <mergeCell ref="C36:BH39"/>
    <mergeCell ref="C24:J24"/>
    <mergeCell ref="K24:BH24"/>
    <mergeCell ref="C25:J30"/>
    <mergeCell ref="AD26:BH26"/>
    <mergeCell ref="C31:P31"/>
    <mergeCell ref="Q31:BH31"/>
    <mergeCell ref="C19:J20"/>
    <mergeCell ref="AR47:BH47"/>
    <mergeCell ref="C32:P32"/>
    <mergeCell ref="Q32:AC32"/>
    <mergeCell ref="AD32:AQ32"/>
    <mergeCell ref="AR32:BH32"/>
    <mergeCell ref="C33:P33"/>
    <mergeCell ref="Q33:AC34"/>
    <mergeCell ref="AD33:AQ34"/>
    <mergeCell ref="AR33:BH34"/>
    <mergeCell ref="C43:BH43"/>
    <mergeCell ref="C47:P47"/>
    <mergeCell ref="Q47:AC47"/>
    <mergeCell ref="AD47:AQ47"/>
    <mergeCell ref="C40:BH41"/>
    <mergeCell ref="C34:P34"/>
    <mergeCell ref="C51:J52"/>
    <mergeCell ref="C58:L58"/>
    <mergeCell ref="M58:S58"/>
    <mergeCell ref="C57:L57"/>
    <mergeCell ref="M57:S57"/>
    <mergeCell ref="C10:J10"/>
    <mergeCell ref="K10:AD10"/>
    <mergeCell ref="AE10:AN10"/>
    <mergeCell ref="AO10:BH10"/>
    <mergeCell ref="C11:J12"/>
    <mergeCell ref="M11:BH11"/>
    <mergeCell ref="K12:AK12"/>
    <mergeCell ref="AN12:BH12"/>
    <mergeCell ref="C17:J18"/>
    <mergeCell ref="AD19:AM20"/>
    <mergeCell ref="K19:AC20"/>
    <mergeCell ref="AN17:BH18"/>
    <mergeCell ref="K17:AC18"/>
    <mergeCell ref="AD17:AM18"/>
    <mergeCell ref="C13:J16"/>
    <mergeCell ref="K13:W13"/>
    <mergeCell ref="X13:AN13"/>
    <mergeCell ref="AO13:BH14"/>
    <mergeCell ref="K14:AN14"/>
    <mergeCell ref="AS9:AT9"/>
    <mergeCell ref="AU9:AV9"/>
    <mergeCell ref="AW9:AX9"/>
    <mergeCell ref="AY9:AZ9"/>
    <mergeCell ref="AU8:AV8"/>
    <mergeCell ref="AW8:AX8"/>
    <mergeCell ref="AY8:AZ8"/>
    <mergeCell ref="BA8:BB8"/>
    <mergeCell ref="BC8:BD8"/>
    <mergeCell ref="B1:BI1"/>
    <mergeCell ref="C3:M3"/>
    <mergeCell ref="C4:M4"/>
    <mergeCell ref="C7:J7"/>
    <mergeCell ref="K7:AD7"/>
    <mergeCell ref="AE7:AN7"/>
    <mergeCell ref="AO7:BH7"/>
    <mergeCell ref="K8:AD9"/>
    <mergeCell ref="AE8:AN8"/>
    <mergeCell ref="AO8:AP8"/>
    <mergeCell ref="BA9:BB9"/>
    <mergeCell ref="BC9:BD9"/>
    <mergeCell ref="BE9:BF9"/>
    <mergeCell ref="BG9:BH9"/>
    <mergeCell ref="BE8:BF8"/>
    <mergeCell ref="C8:J9"/>
    <mergeCell ref="AQ8:AR8"/>
    <mergeCell ref="AS8:AT8"/>
    <mergeCell ref="BG8:BH8"/>
    <mergeCell ref="AE9:AJ9"/>
    <mergeCell ref="AK9:AL9"/>
    <mergeCell ref="AM9:AN9"/>
    <mergeCell ref="AO9:AP9"/>
    <mergeCell ref="AQ9:AR9"/>
  </mergeCells>
  <phoneticPr fontId="1"/>
  <pageMargins left="0.70866141732283472" right="0" top="0" bottom="0" header="0.31496062992125984" footer="0.31496062992125984"/>
  <pageSetup paperSize="9" scale="95" fitToWidth="0" orientation="portrait" r:id="rId1"/>
  <headerFooter>
    <oddHeader>&amp;A</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BJ46"/>
  <sheetViews>
    <sheetView view="pageBreakPreview" zoomScaleNormal="100" zoomScaleSheetLayoutView="100" workbookViewId="0">
      <selection activeCell="B35" sqref="B35"/>
    </sheetView>
  </sheetViews>
  <sheetFormatPr defaultRowHeight="13.5"/>
  <cols>
    <col min="1" max="1" width="2.25" style="28" customWidth="1"/>
    <col min="2" max="2" width="0.75" style="28" customWidth="1"/>
    <col min="3" max="25" width="1.625" style="28" customWidth="1"/>
    <col min="26" max="26" width="3" style="28" customWidth="1"/>
    <col min="27" max="54" width="1.625" style="28" customWidth="1"/>
    <col min="55" max="55" width="1.125" style="28" customWidth="1"/>
    <col min="56" max="61" width="1.625" style="28" customWidth="1"/>
    <col min="62" max="256" width="9" style="28"/>
    <col min="257" max="257" width="2.25" style="28" customWidth="1"/>
    <col min="258" max="258" width="0.75" style="28" customWidth="1"/>
    <col min="259" max="281" width="1.625" style="28" customWidth="1"/>
    <col min="282" max="282" width="3" style="28" customWidth="1"/>
    <col min="283" max="310" width="1.625" style="28" customWidth="1"/>
    <col min="311" max="311" width="1.125" style="28" customWidth="1"/>
    <col min="312" max="317" width="1.625" style="28" customWidth="1"/>
    <col min="318" max="512" width="9" style="28"/>
    <col min="513" max="513" width="2.25" style="28" customWidth="1"/>
    <col min="514" max="514" width="0.75" style="28" customWidth="1"/>
    <col min="515" max="537" width="1.625" style="28" customWidth="1"/>
    <col min="538" max="538" width="3" style="28" customWidth="1"/>
    <col min="539" max="566" width="1.625" style="28" customWidth="1"/>
    <col min="567" max="567" width="1.125" style="28" customWidth="1"/>
    <col min="568" max="573" width="1.625" style="28" customWidth="1"/>
    <col min="574" max="768" width="9" style="28"/>
    <col min="769" max="769" width="2.25" style="28" customWidth="1"/>
    <col min="770" max="770" width="0.75" style="28" customWidth="1"/>
    <col min="771" max="793" width="1.625" style="28" customWidth="1"/>
    <col min="794" max="794" width="3" style="28" customWidth="1"/>
    <col min="795" max="822" width="1.625" style="28" customWidth="1"/>
    <col min="823" max="823" width="1.125" style="28" customWidth="1"/>
    <col min="824" max="829" width="1.625" style="28" customWidth="1"/>
    <col min="830" max="1024" width="9" style="28"/>
    <col min="1025" max="1025" width="2.25" style="28" customWidth="1"/>
    <col min="1026" max="1026" width="0.75" style="28" customWidth="1"/>
    <col min="1027" max="1049" width="1.625" style="28" customWidth="1"/>
    <col min="1050" max="1050" width="3" style="28" customWidth="1"/>
    <col min="1051" max="1078" width="1.625" style="28" customWidth="1"/>
    <col min="1079" max="1079" width="1.125" style="28" customWidth="1"/>
    <col min="1080" max="1085" width="1.625" style="28" customWidth="1"/>
    <col min="1086" max="1280" width="9" style="28"/>
    <col min="1281" max="1281" width="2.25" style="28" customWidth="1"/>
    <col min="1282" max="1282" width="0.75" style="28" customWidth="1"/>
    <col min="1283" max="1305" width="1.625" style="28" customWidth="1"/>
    <col min="1306" max="1306" width="3" style="28" customWidth="1"/>
    <col min="1307" max="1334" width="1.625" style="28" customWidth="1"/>
    <col min="1335" max="1335" width="1.125" style="28" customWidth="1"/>
    <col min="1336" max="1341" width="1.625" style="28" customWidth="1"/>
    <col min="1342" max="1536" width="9" style="28"/>
    <col min="1537" max="1537" width="2.25" style="28" customWidth="1"/>
    <col min="1538" max="1538" width="0.75" style="28" customWidth="1"/>
    <col min="1539" max="1561" width="1.625" style="28" customWidth="1"/>
    <col min="1562" max="1562" width="3" style="28" customWidth="1"/>
    <col min="1563" max="1590" width="1.625" style="28" customWidth="1"/>
    <col min="1591" max="1591" width="1.125" style="28" customWidth="1"/>
    <col min="1592" max="1597" width="1.625" style="28" customWidth="1"/>
    <col min="1598" max="1792" width="9" style="28"/>
    <col min="1793" max="1793" width="2.25" style="28" customWidth="1"/>
    <col min="1794" max="1794" width="0.75" style="28" customWidth="1"/>
    <col min="1795" max="1817" width="1.625" style="28" customWidth="1"/>
    <col min="1818" max="1818" width="3" style="28" customWidth="1"/>
    <col min="1819" max="1846" width="1.625" style="28" customWidth="1"/>
    <col min="1847" max="1847" width="1.125" style="28" customWidth="1"/>
    <col min="1848" max="1853" width="1.625" style="28" customWidth="1"/>
    <col min="1854" max="2048" width="9" style="28"/>
    <col min="2049" max="2049" width="2.25" style="28" customWidth="1"/>
    <col min="2050" max="2050" width="0.75" style="28" customWidth="1"/>
    <col min="2051" max="2073" width="1.625" style="28" customWidth="1"/>
    <col min="2074" max="2074" width="3" style="28" customWidth="1"/>
    <col min="2075" max="2102" width="1.625" style="28" customWidth="1"/>
    <col min="2103" max="2103" width="1.125" style="28" customWidth="1"/>
    <col min="2104" max="2109" width="1.625" style="28" customWidth="1"/>
    <col min="2110" max="2304" width="9" style="28"/>
    <col min="2305" max="2305" width="2.25" style="28" customWidth="1"/>
    <col min="2306" max="2306" width="0.75" style="28" customWidth="1"/>
    <col min="2307" max="2329" width="1.625" style="28" customWidth="1"/>
    <col min="2330" max="2330" width="3" style="28" customWidth="1"/>
    <col min="2331" max="2358" width="1.625" style="28" customWidth="1"/>
    <col min="2359" max="2359" width="1.125" style="28" customWidth="1"/>
    <col min="2360" max="2365" width="1.625" style="28" customWidth="1"/>
    <col min="2366" max="2560" width="9" style="28"/>
    <col min="2561" max="2561" width="2.25" style="28" customWidth="1"/>
    <col min="2562" max="2562" width="0.75" style="28" customWidth="1"/>
    <col min="2563" max="2585" width="1.625" style="28" customWidth="1"/>
    <col min="2586" max="2586" width="3" style="28" customWidth="1"/>
    <col min="2587" max="2614" width="1.625" style="28" customWidth="1"/>
    <col min="2615" max="2615" width="1.125" style="28" customWidth="1"/>
    <col min="2616" max="2621" width="1.625" style="28" customWidth="1"/>
    <col min="2622" max="2816" width="9" style="28"/>
    <col min="2817" max="2817" width="2.25" style="28" customWidth="1"/>
    <col min="2818" max="2818" width="0.75" style="28" customWidth="1"/>
    <col min="2819" max="2841" width="1.625" style="28" customWidth="1"/>
    <col min="2842" max="2842" width="3" style="28" customWidth="1"/>
    <col min="2843" max="2870" width="1.625" style="28" customWidth="1"/>
    <col min="2871" max="2871" width="1.125" style="28" customWidth="1"/>
    <col min="2872" max="2877" width="1.625" style="28" customWidth="1"/>
    <col min="2878" max="3072" width="9" style="28"/>
    <col min="3073" max="3073" width="2.25" style="28" customWidth="1"/>
    <col min="3074" max="3074" width="0.75" style="28" customWidth="1"/>
    <col min="3075" max="3097" width="1.625" style="28" customWidth="1"/>
    <col min="3098" max="3098" width="3" style="28" customWidth="1"/>
    <col min="3099" max="3126" width="1.625" style="28" customWidth="1"/>
    <col min="3127" max="3127" width="1.125" style="28" customWidth="1"/>
    <col min="3128" max="3133" width="1.625" style="28" customWidth="1"/>
    <col min="3134" max="3328" width="9" style="28"/>
    <col min="3329" max="3329" width="2.25" style="28" customWidth="1"/>
    <col min="3330" max="3330" width="0.75" style="28" customWidth="1"/>
    <col min="3331" max="3353" width="1.625" style="28" customWidth="1"/>
    <col min="3354" max="3354" width="3" style="28" customWidth="1"/>
    <col min="3355" max="3382" width="1.625" style="28" customWidth="1"/>
    <col min="3383" max="3383" width="1.125" style="28" customWidth="1"/>
    <col min="3384" max="3389" width="1.625" style="28" customWidth="1"/>
    <col min="3390" max="3584" width="9" style="28"/>
    <col min="3585" max="3585" width="2.25" style="28" customWidth="1"/>
    <col min="3586" max="3586" width="0.75" style="28" customWidth="1"/>
    <col min="3587" max="3609" width="1.625" style="28" customWidth="1"/>
    <col min="3610" max="3610" width="3" style="28" customWidth="1"/>
    <col min="3611" max="3638" width="1.625" style="28" customWidth="1"/>
    <col min="3639" max="3639" width="1.125" style="28" customWidth="1"/>
    <col min="3640" max="3645" width="1.625" style="28" customWidth="1"/>
    <col min="3646" max="3840" width="9" style="28"/>
    <col min="3841" max="3841" width="2.25" style="28" customWidth="1"/>
    <col min="3842" max="3842" width="0.75" style="28" customWidth="1"/>
    <col min="3843" max="3865" width="1.625" style="28" customWidth="1"/>
    <col min="3866" max="3866" width="3" style="28" customWidth="1"/>
    <col min="3867" max="3894" width="1.625" style="28" customWidth="1"/>
    <col min="3895" max="3895" width="1.125" style="28" customWidth="1"/>
    <col min="3896" max="3901" width="1.625" style="28" customWidth="1"/>
    <col min="3902" max="4096" width="9" style="28"/>
    <col min="4097" max="4097" width="2.25" style="28" customWidth="1"/>
    <col min="4098" max="4098" width="0.75" style="28" customWidth="1"/>
    <col min="4099" max="4121" width="1.625" style="28" customWidth="1"/>
    <col min="4122" max="4122" width="3" style="28" customWidth="1"/>
    <col min="4123" max="4150" width="1.625" style="28" customWidth="1"/>
    <col min="4151" max="4151" width="1.125" style="28" customWidth="1"/>
    <col min="4152" max="4157" width="1.625" style="28" customWidth="1"/>
    <col min="4158" max="4352" width="9" style="28"/>
    <col min="4353" max="4353" width="2.25" style="28" customWidth="1"/>
    <col min="4354" max="4354" width="0.75" style="28" customWidth="1"/>
    <col min="4355" max="4377" width="1.625" style="28" customWidth="1"/>
    <col min="4378" max="4378" width="3" style="28" customWidth="1"/>
    <col min="4379" max="4406" width="1.625" style="28" customWidth="1"/>
    <col min="4407" max="4407" width="1.125" style="28" customWidth="1"/>
    <col min="4408" max="4413" width="1.625" style="28" customWidth="1"/>
    <col min="4414" max="4608" width="9" style="28"/>
    <col min="4609" max="4609" width="2.25" style="28" customWidth="1"/>
    <col min="4610" max="4610" width="0.75" style="28" customWidth="1"/>
    <col min="4611" max="4633" width="1.625" style="28" customWidth="1"/>
    <col min="4634" max="4634" width="3" style="28" customWidth="1"/>
    <col min="4635" max="4662" width="1.625" style="28" customWidth="1"/>
    <col min="4663" max="4663" width="1.125" style="28" customWidth="1"/>
    <col min="4664" max="4669" width="1.625" style="28" customWidth="1"/>
    <col min="4670" max="4864" width="9" style="28"/>
    <col min="4865" max="4865" width="2.25" style="28" customWidth="1"/>
    <col min="4866" max="4866" width="0.75" style="28" customWidth="1"/>
    <col min="4867" max="4889" width="1.625" style="28" customWidth="1"/>
    <col min="4890" max="4890" width="3" style="28" customWidth="1"/>
    <col min="4891" max="4918" width="1.625" style="28" customWidth="1"/>
    <col min="4919" max="4919" width="1.125" style="28" customWidth="1"/>
    <col min="4920" max="4925" width="1.625" style="28" customWidth="1"/>
    <col min="4926" max="5120" width="9" style="28"/>
    <col min="5121" max="5121" width="2.25" style="28" customWidth="1"/>
    <col min="5122" max="5122" width="0.75" style="28" customWidth="1"/>
    <col min="5123" max="5145" width="1.625" style="28" customWidth="1"/>
    <col min="5146" max="5146" width="3" style="28" customWidth="1"/>
    <col min="5147" max="5174" width="1.625" style="28" customWidth="1"/>
    <col min="5175" max="5175" width="1.125" style="28" customWidth="1"/>
    <col min="5176" max="5181" width="1.625" style="28" customWidth="1"/>
    <col min="5182" max="5376" width="9" style="28"/>
    <col min="5377" max="5377" width="2.25" style="28" customWidth="1"/>
    <col min="5378" max="5378" width="0.75" style="28" customWidth="1"/>
    <col min="5379" max="5401" width="1.625" style="28" customWidth="1"/>
    <col min="5402" max="5402" width="3" style="28" customWidth="1"/>
    <col min="5403" max="5430" width="1.625" style="28" customWidth="1"/>
    <col min="5431" max="5431" width="1.125" style="28" customWidth="1"/>
    <col min="5432" max="5437" width="1.625" style="28" customWidth="1"/>
    <col min="5438" max="5632" width="9" style="28"/>
    <col min="5633" max="5633" width="2.25" style="28" customWidth="1"/>
    <col min="5634" max="5634" width="0.75" style="28" customWidth="1"/>
    <col min="5635" max="5657" width="1.625" style="28" customWidth="1"/>
    <col min="5658" max="5658" width="3" style="28" customWidth="1"/>
    <col min="5659" max="5686" width="1.625" style="28" customWidth="1"/>
    <col min="5687" max="5687" width="1.125" style="28" customWidth="1"/>
    <col min="5688" max="5693" width="1.625" style="28" customWidth="1"/>
    <col min="5694" max="5888" width="9" style="28"/>
    <col min="5889" max="5889" width="2.25" style="28" customWidth="1"/>
    <col min="5890" max="5890" width="0.75" style="28" customWidth="1"/>
    <col min="5891" max="5913" width="1.625" style="28" customWidth="1"/>
    <col min="5914" max="5914" width="3" style="28" customWidth="1"/>
    <col min="5915" max="5942" width="1.625" style="28" customWidth="1"/>
    <col min="5943" max="5943" width="1.125" style="28" customWidth="1"/>
    <col min="5944" max="5949" width="1.625" style="28" customWidth="1"/>
    <col min="5950" max="6144" width="9" style="28"/>
    <col min="6145" max="6145" width="2.25" style="28" customWidth="1"/>
    <col min="6146" max="6146" width="0.75" style="28" customWidth="1"/>
    <col min="6147" max="6169" width="1.625" style="28" customWidth="1"/>
    <col min="6170" max="6170" width="3" style="28" customWidth="1"/>
    <col min="6171" max="6198" width="1.625" style="28" customWidth="1"/>
    <col min="6199" max="6199" width="1.125" style="28" customWidth="1"/>
    <col min="6200" max="6205" width="1.625" style="28" customWidth="1"/>
    <col min="6206" max="6400" width="9" style="28"/>
    <col min="6401" max="6401" width="2.25" style="28" customWidth="1"/>
    <col min="6402" max="6402" width="0.75" style="28" customWidth="1"/>
    <col min="6403" max="6425" width="1.625" style="28" customWidth="1"/>
    <col min="6426" max="6426" width="3" style="28" customWidth="1"/>
    <col min="6427" max="6454" width="1.625" style="28" customWidth="1"/>
    <col min="6455" max="6455" width="1.125" style="28" customWidth="1"/>
    <col min="6456" max="6461" width="1.625" style="28" customWidth="1"/>
    <col min="6462" max="6656" width="9" style="28"/>
    <col min="6657" max="6657" width="2.25" style="28" customWidth="1"/>
    <col min="6658" max="6658" width="0.75" style="28" customWidth="1"/>
    <col min="6659" max="6681" width="1.625" style="28" customWidth="1"/>
    <col min="6682" max="6682" width="3" style="28" customWidth="1"/>
    <col min="6683" max="6710" width="1.625" style="28" customWidth="1"/>
    <col min="6711" max="6711" width="1.125" style="28" customWidth="1"/>
    <col min="6712" max="6717" width="1.625" style="28" customWidth="1"/>
    <col min="6718" max="6912" width="9" style="28"/>
    <col min="6913" max="6913" width="2.25" style="28" customWidth="1"/>
    <col min="6914" max="6914" width="0.75" style="28" customWidth="1"/>
    <col min="6915" max="6937" width="1.625" style="28" customWidth="1"/>
    <col min="6938" max="6938" width="3" style="28" customWidth="1"/>
    <col min="6939" max="6966" width="1.625" style="28" customWidth="1"/>
    <col min="6967" max="6967" width="1.125" style="28" customWidth="1"/>
    <col min="6968" max="6973" width="1.625" style="28" customWidth="1"/>
    <col min="6974" max="7168" width="9" style="28"/>
    <col min="7169" max="7169" width="2.25" style="28" customWidth="1"/>
    <col min="7170" max="7170" width="0.75" style="28" customWidth="1"/>
    <col min="7171" max="7193" width="1.625" style="28" customWidth="1"/>
    <col min="7194" max="7194" width="3" style="28" customWidth="1"/>
    <col min="7195" max="7222" width="1.625" style="28" customWidth="1"/>
    <col min="7223" max="7223" width="1.125" style="28" customWidth="1"/>
    <col min="7224" max="7229" width="1.625" style="28" customWidth="1"/>
    <col min="7230" max="7424" width="9" style="28"/>
    <col min="7425" max="7425" width="2.25" style="28" customWidth="1"/>
    <col min="7426" max="7426" width="0.75" style="28" customWidth="1"/>
    <col min="7427" max="7449" width="1.625" style="28" customWidth="1"/>
    <col min="7450" max="7450" width="3" style="28" customWidth="1"/>
    <col min="7451" max="7478" width="1.625" style="28" customWidth="1"/>
    <col min="7479" max="7479" width="1.125" style="28" customWidth="1"/>
    <col min="7480" max="7485" width="1.625" style="28" customWidth="1"/>
    <col min="7486" max="7680" width="9" style="28"/>
    <col min="7681" max="7681" width="2.25" style="28" customWidth="1"/>
    <col min="7682" max="7682" width="0.75" style="28" customWidth="1"/>
    <col min="7683" max="7705" width="1.625" style="28" customWidth="1"/>
    <col min="7706" max="7706" width="3" style="28" customWidth="1"/>
    <col min="7707" max="7734" width="1.625" style="28" customWidth="1"/>
    <col min="7735" max="7735" width="1.125" style="28" customWidth="1"/>
    <col min="7736" max="7741" width="1.625" style="28" customWidth="1"/>
    <col min="7742" max="7936" width="9" style="28"/>
    <col min="7937" max="7937" width="2.25" style="28" customWidth="1"/>
    <col min="7938" max="7938" width="0.75" style="28" customWidth="1"/>
    <col min="7939" max="7961" width="1.625" style="28" customWidth="1"/>
    <col min="7962" max="7962" width="3" style="28" customWidth="1"/>
    <col min="7963" max="7990" width="1.625" style="28" customWidth="1"/>
    <col min="7991" max="7991" width="1.125" style="28" customWidth="1"/>
    <col min="7992" max="7997" width="1.625" style="28" customWidth="1"/>
    <col min="7998" max="8192" width="9" style="28"/>
    <col min="8193" max="8193" width="2.25" style="28" customWidth="1"/>
    <col min="8194" max="8194" width="0.75" style="28" customWidth="1"/>
    <col min="8195" max="8217" width="1.625" style="28" customWidth="1"/>
    <col min="8218" max="8218" width="3" style="28" customWidth="1"/>
    <col min="8219" max="8246" width="1.625" style="28" customWidth="1"/>
    <col min="8247" max="8247" width="1.125" style="28" customWidth="1"/>
    <col min="8248" max="8253" width="1.625" style="28" customWidth="1"/>
    <col min="8254" max="8448" width="9" style="28"/>
    <col min="8449" max="8449" width="2.25" style="28" customWidth="1"/>
    <col min="8450" max="8450" width="0.75" style="28" customWidth="1"/>
    <col min="8451" max="8473" width="1.625" style="28" customWidth="1"/>
    <col min="8474" max="8474" width="3" style="28" customWidth="1"/>
    <col min="8475" max="8502" width="1.625" style="28" customWidth="1"/>
    <col min="8503" max="8503" width="1.125" style="28" customWidth="1"/>
    <col min="8504" max="8509" width="1.625" style="28" customWidth="1"/>
    <col min="8510" max="8704" width="9" style="28"/>
    <col min="8705" max="8705" width="2.25" style="28" customWidth="1"/>
    <col min="8706" max="8706" width="0.75" style="28" customWidth="1"/>
    <col min="8707" max="8729" width="1.625" style="28" customWidth="1"/>
    <col min="8730" max="8730" width="3" style="28" customWidth="1"/>
    <col min="8731" max="8758" width="1.625" style="28" customWidth="1"/>
    <col min="8759" max="8759" width="1.125" style="28" customWidth="1"/>
    <col min="8760" max="8765" width="1.625" style="28" customWidth="1"/>
    <col min="8766" max="8960" width="9" style="28"/>
    <col min="8961" max="8961" width="2.25" style="28" customWidth="1"/>
    <col min="8962" max="8962" width="0.75" style="28" customWidth="1"/>
    <col min="8963" max="8985" width="1.625" style="28" customWidth="1"/>
    <col min="8986" max="8986" width="3" style="28" customWidth="1"/>
    <col min="8987" max="9014" width="1.625" style="28" customWidth="1"/>
    <col min="9015" max="9015" width="1.125" style="28" customWidth="1"/>
    <col min="9016" max="9021" width="1.625" style="28" customWidth="1"/>
    <col min="9022" max="9216" width="9" style="28"/>
    <col min="9217" max="9217" width="2.25" style="28" customWidth="1"/>
    <col min="9218" max="9218" width="0.75" style="28" customWidth="1"/>
    <col min="9219" max="9241" width="1.625" style="28" customWidth="1"/>
    <col min="9242" max="9242" width="3" style="28" customWidth="1"/>
    <col min="9243" max="9270" width="1.625" style="28" customWidth="1"/>
    <col min="9271" max="9271" width="1.125" style="28" customWidth="1"/>
    <col min="9272" max="9277" width="1.625" style="28" customWidth="1"/>
    <col min="9278" max="9472" width="9" style="28"/>
    <col min="9473" max="9473" width="2.25" style="28" customWidth="1"/>
    <col min="9474" max="9474" width="0.75" style="28" customWidth="1"/>
    <col min="9475" max="9497" width="1.625" style="28" customWidth="1"/>
    <col min="9498" max="9498" width="3" style="28" customWidth="1"/>
    <col min="9499" max="9526" width="1.625" style="28" customWidth="1"/>
    <col min="9527" max="9527" width="1.125" style="28" customWidth="1"/>
    <col min="9528" max="9533" width="1.625" style="28" customWidth="1"/>
    <col min="9534" max="9728" width="9" style="28"/>
    <col min="9729" max="9729" width="2.25" style="28" customWidth="1"/>
    <col min="9730" max="9730" width="0.75" style="28" customWidth="1"/>
    <col min="9731" max="9753" width="1.625" style="28" customWidth="1"/>
    <col min="9754" max="9754" width="3" style="28" customWidth="1"/>
    <col min="9755" max="9782" width="1.625" style="28" customWidth="1"/>
    <col min="9783" max="9783" width="1.125" style="28" customWidth="1"/>
    <col min="9784" max="9789" width="1.625" style="28" customWidth="1"/>
    <col min="9790" max="9984" width="9" style="28"/>
    <col min="9985" max="9985" width="2.25" style="28" customWidth="1"/>
    <col min="9986" max="9986" width="0.75" style="28" customWidth="1"/>
    <col min="9987" max="10009" width="1.625" style="28" customWidth="1"/>
    <col min="10010" max="10010" width="3" style="28" customWidth="1"/>
    <col min="10011" max="10038" width="1.625" style="28" customWidth="1"/>
    <col min="10039" max="10039" width="1.125" style="28" customWidth="1"/>
    <col min="10040" max="10045" width="1.625" style="28" customWidth="1"/>
    <col min="10046" max="10240" width="9" style="28"/>
    <col min="10241" max="10241" width="2.25" style="28" customWidth="1"/>
    <col min="10242" max="10242" width="0.75" style="28" customWidth="1"/>
    <col min="10243" max="10265" width="1.625" style="28" customWidth="1"/>
    <col min="10266" max="10266" width="3" style="28" customWidth="1"/>
    <col min="10267" max="10294" width="1.625" style="28" customWidth="1"/>
    <col min="10295" max="10295" width="1.125" style="28" customWidth="1"/>
    <col min="10296" max="10301" width="1.625" style="28" customWidth="1"/>
    <col min="10302" max="10496" width="9" style="28"/>
    <col min="10497" max="10497" width="2.25" style="28" customWidth="1"/>
    <col min="10498" max="10498" width="0.75" style="28" customWidth="1"/>
    <col min="10499" max="10521" width="1.625" style="28" customWidth="1"/>
    <col min="10522" max="10522" width="3" style="28" customWidth="1"/>
    <col min="10523" max="10550" width="1.625" style="28" customWidth="1"/>
    <col min="10551" max="10551" width="1.125" style="28" customWidth="1"/>
    <col min="10552" max="10557" width="1.625" style="28" customWidth="1"/>
    <col min="10558" max="10752" width="9" style="28"/>
    <col min="10753" max="10753" width="2.25" style="28" customWidth="1"/>
    <col min="10754" max="10754" width="0.75" style="28" customWidth="1"/>
    <col min="10755" max="10777" width="1.625" style="28" customWidth="1"/>
    <col min="10778" max="10778" width="3" style="28" customWidth="1"/>
    <col min="10779" max="10806" width="1.625" style="28" customWidth="1"/>
    <col min="10807" max="10807" width="1.125" style="28" customWidth="1"/>
    <col min="10808" max="10813" width="1.625" style="28" customWidth="1"/>
    <col min="10814" max="11008" width="9" style="28"/>
    <col min="11009" max="11009" width="2.25" style="28" customWidth="1"/>
    <col min="11010" max="11010" width="0.75" style="28" customWidth="1"/>
    <col min="11011" max="11033" width="1.625" style="28" customWidth="1"/>
    <col min="11034" max="11034" width="3" style="28" customWidth="1"/>
    <col min="11035" max="11062" width="1.625" style="28" customWidth="1"/>
    <col min="11063" max="11063" width="1.125" style="28" customWidth="1"/>
    <col min="11064" max="11069" width="1.625" style="28" customWidth="1"/>
    <col min="11070" max="11264" width="9" style="28"/>
    <col min="11265" max="11265" width="2.25" style="28" customWidth="1"/>
    <col min="11266" max="11266" width="0.75" style="28" customWidth="1"/>
    <col min="11267" max="11289" width="1.625" style="28" customWidth="1"/>
    <col min="11290" max="11290" width="3" style="28" customWidth="1"/>
    <col min="11291" max="11318" width="1.625" style="28" customWidth="1"/>
    <col min="11319" max="11319" width="1.125" style="28" customWidth="1"/>
    <col min="11320" max="11325" width="1.625" style="28" customWidth="1"/>
    <col min="11326" max="11520" width="9" style="28"/>
    <col min="11521" max="11521" width="2.25" style="28" customWidth="1"/>
    <col min="11522" max="11522" width="0.75" style="28" customWidth="1"/>
    <col min="11523" max="11545" width="1.625" style="28" customWidth="1"/>
    <col min="11546" max="11546" width="3" style="28" customWidth="1"/>
    <col min="11547" max="11574" width="1.625" style="28" customWidth="1"/>
    <col min="11575" max="11575" width="1.125" style="28" customWidth="1"/>
    <col min="11576" max="11581" width="1.625" style="28" customWidth="1"/>
    <col min="11582" max="11776" width="9" style="28"/>
    <col min="11777" max="11777" width="2.25" style="28" customWidth="1"/>
    <col min="11778" max="11778" width="0.75" style="28" customWidth="1"/>
    <col min="11779" max="11801" width="1.625" style="28" customWidth="1"/>
    <col min="11802" max="11802" width="3" style="28" customWidth="1"/>
    <col min="11803" max="11830" width="1.625" style="28" customWidth="1"/>
    <col min="11831" max="11831" width="1.125" style="28" customWidth="1"/>
    <col min="11832" max="11837" width="1.625" style="28" customWidth="1"/>
    <col min="11838" max="12032" width="9" style="28"/>
    <col min="12033" max="12033" width="2.25" style="28" customWidth="1"/>
    <col min="12034" max="12034" width="0.75" style="28" customWidth="1"/>
    <col min="12035" max="12057" width="1.625" style="28" customWidth="1"/>
    <col min="12058" max="12058" width="3" style="28" customWidth="1"/>
    <col min="12059" max="12086" width="1.625" style="28" customWidth="1"/>
    <col min="12087" max="12087" width="1.125" style="28" customWidth="1"/>
    <col min="12088" max="12093" width="1.625" style="28" customWidth="1"/>
    <col min="12094" max="12288" width="9" style="28"/>
    <col min="12289" max="12289" width="2.25" style="28" customWidth="1"/>
    <col min="12290" max="12290" width="0.75" style="28" customWidth="1"/>
    <col min="12291" max="12313" width="1.625" style="28" customWidth="1"/>
    <col min="12314" max="12314" width="3" style="28" customWidth="1"/>
    <col min="12315" max="12342" width="1.625" style="28" customWidth="1"/>
    <col min="12343" max="12343" width="1.125" style="28" customWidth="1"/>
    <col min="12344" max="12349" width="1.625" style="28" customWidth="1"/>
    <col min="12350" max="12544" width="9" style="28"/>
    <col min="12545" max="12545" width="2.25" style="28" customWidth="1"/>
    <col min="12546" max="12546" width="0.75" style="28" customWidth="1"/>
    <col min="12547" max="12569" width="1.625" style="28" customWidth="1"/>
    <col min="12570" max="12570" width="3" style="28" customWidth="1"/>
    <col min="12571" max="12598" width="1.625" style="28" customWidth="1"/>
    <col min="12599" max="12599" width="1.125" style="28" customWidth="1"/>
    <col min="12600" max="12605" width="1.625" style="28" customWidth="1"/>
    <col min="12606" max="12800" width="9" style="28"/>
    <col min="12801" max="12801" width="2.25" style="28" customWidth="1"/>
    <col min="12802" max="12802" width="0.75" style="28" customWidth="1"/>
    <col min="12803" max="12825" width="1.625" style="28" customWidth="1"/>
    <col min="12826" max="12826" width="3" style="28" customWidth="1"/>
    <col min="12827" max="12854" width="1.625" style="28" customWidth="1"/>
    <col min="12855" max="12855" width="1.125" style="28" customWidth="1"/>
    <col min="12856" max="12861" width="1.625" style="28" customWidth="1"/>
    <col min="12862" max="13056" width="9" style="28"/>
    <col min="13057" max="13057" width="2.25" style="28" customWidth="1"/>
    <col min="13058" max="13058" width="0.75" style="28" customWidth="1"/>
    <col min="13059" max="13081" width="1.625" style="28" customWidth="1"/>
    <col min="13082" max="13082" width="3" style="28" customWidth="1"/>
    <col min="13083" max="13110" width="1.625" style="28" customWidth="1"/>
    <col min="13111" max="13111" width="1.125" style="28" customWidth="1"/>
    <col min="13112" max="13117" width="1.625" style="28" customWidth="1"/>
    <col min="13118" max="13312" width="9" style="28"/>
    <col min="13313" max="13313" width="2.25" style="28" customWidth="1"/>
    <col min="13314" max="13314" width="0.75" style="28" customWidth="1"/>
    <col min="13315" max="13337" width="1.625" style="28" customWidth="1"/>
    <col min="13338" max="13338" width="3" style="28" customWidth="1"/>
    <col min="13339" max="13366" width="1.625" style="28" customWidth="1"/>
    <col min="13367" max="13367" width="1.125" style="28" customWidth="1"/>
    <col min="13368" max="13373" width="1.625" style="28" customWidth="1"/>
    <col min="13374" max="13568" width="9" style="28"/>
    <col min="13569" max="13569" width="2.25" style="28" customWidth="1"/>
    <col min="13570" max="13570" width="0.75" style="28" customWidth="1"/>
    <col min="13571" max="13593" width="1.625" style="28" customWidth="1"/>
    <col min="13594" max="13594" width="3" style="28" customWidth="1"/>
    <col min="13595" max="13622" width="1.625" style="28" customWidth="1"/>
    <col min="13623" max="13623" width="1.125" style="28" customWidth="1"/>
    <col min="13624" max="13629" width="1.625" style="28" customWidth="1"/>
    <col min="13630" max="13824" width="9" style="28"/>
    <col min="13825" max="13825" width="2.25" style="28" customWidth="1"/>
    <col min="13826" max="13826" width="0.75" style="28" customWidth="1"/>
    <col min="13827" max="13849" width="1.625" style="28" customWidth="1"/>
    <col min="13850" max="13850" width="3" style="28" customWidth="1"/>
    <col min="13851" max="13878" width="1.625" style="28" customWidth="1"/>
    <col min="13879" max="13879" width="1.125" style="28" customWidth="1"/>
    <col min="13880" max="13885" width="1.625" style="28" customWidth="1"/>
    <col min="13886" max="14080" width="9" style="28"/>
    <col min="14081" max="14081" width="2.25" style="28" customWidth="1"/>
    <col min="14082" max="14082" width="0.75" style="28" customWidth="1"/>
    <col min="14083" max="14105" width="1.625" style="28" customWidth="1"/>
    <col min="14106" max="14106" width="3" style="28" customWidth="1"/>
    <col min="14107" max="14134" width="1.625" style="28" customWidth="1"/>
    <col min="14135" max="14135" width="1.125" style="28" customWidth="1"/>
    <col min="14136" max="14141" width="1.625" style="28" customWidth="1"/>
    <col min="14142" max="14336" width="9" style="28"/>
    <col min="14337" max="14337" width="2.25" style="28" customWidth="1"/>
    <col min="14338" max="14338" width="0.75" style="28" customWidth="1"/>
    <col min="14339" max="14361" width="1.625" style="28" customWidth="1"/>
    <col min="14362" max="14362" width="3" style="28" customWidth="1"/>
    <col min="14363" max="14390" width="1.625" style="28" customWidth="1"/>
    <col min="14391" max="14391" width="1.125" style="28" customWidth="1"/>
    <col min="14392" max="14397" width="1.625" style="28" customWidth="1"/>
    <col min="14398" max="14592" width="9" style="28"/>
    <col min="14593" max="14593" width="2.25" style="28" customWidth="1"/>
    <col min="14594" max="14594" width="0.75" style="28" customWidth="1"/>
    <col min="14595" max="14617" width="1.625" style="28" customWidth="1"/>
    <col min="14618" max="14618" width="3" style="28" customWidth="1"/>
    <col min="14619" max="14646" width="1.625" style="28" customWidth="1"/>
    <col min="14647" max="14647" width="1.125" style="28" customWidth="1"/>
    <col min="14648" max="14653" width="1.625" style="28" customWidth="1"/>
    <col min="14654" max="14848" width="9" style="28"/>
    <col min="14849" max="14849" width="2.25" style="28" customWidth="1"/>
    <col min="14850" max="14850" width="0.75" style="28" customWidth="1"/>
    <col min="14851" max="14873" width="1.625" style="28" customWidth="1"/>
    <col min="14874" max="14874" width="3" style="28" customWidth="1"/>
    <col min="14875" max="14902" width="1.625" style="28" customWidth="1"/>
    <col min="14903" max="14903" width="1.125" style="28" customWidth="1"/>
    <col min="14904" max="14909" width="1.625" style="28" customWidth="1"/>
    <col min="14910" max="15104" width="9" style="28"/>
    <col min="15105" max="15105" width="2.25" style="28" customWidth="1"/>
    <col min="15106" max="15106" width="0.75" style="28" customWidth="1"/>
    <col min="15107" max="15129" width="1.625" style="28" customWidth="1"/>
    <col min="15130" max="15130" width="3" style="28" customWidth="1"/>
    <col min="15131" max="15158" width="1.625" style="28" customWidth="1"/>
    <col min="15159" max="15159" width="1.125" style="28" customWidth="1"/>
    <col min="15160" max="15165" width="1.625" style="28" customWidth="1"/>
    <col min="15166" max="15360" width="9" style="28"/>
    <col min="15361" max="15361" width="2.25" style="28" customWidth="1"/>
    <col min="15362" max="15362" width="0.75" style="28" customWidth="1"/>
    <col min="15363" max="15385" width="1.625" style="28" customWidth="1"/>
    <col min="15386" max="15386" width="3" style="28" customWidth="1"/>
    <col min="15387" max="15414" width="1.625" style="28" customWidth="1"/>
    <col min="15415" max="15415" width="1.125" style="28" customWidth="1"/>
    <col min="15416" max="15421" width="1.625" style="28" customWidth="1"/>
    <col min="15422" max="15616" width="9" style="28"/>
    <col min="15617" max="15617" width="2.25" style="28" customWidth="1"/>
    <col min="15618" max="15618" width="0.75" style="28" customWidth="1"/>
    <col min="15619" max="15641" width="1.625" style="28" customWidth="1"/>
    <col min="15642" max="15642" width="3" style="28" customWidth="1"/>
    <col min="15643" max="15670" width="1.625" style="28" customWidth="1"/>
    <col min="15671" max="15671" width="1.125" style="28" customWidth="1"/>
    <col min="15672" max="15677" width="1.625" style="28" customWidth="1"/>
    <col min="15678" max="15872" width="9" style="28"/>
    <col min="15873" max="15873" width="2.25" style="28" customWidth="1"/>
    <col min="15874" max="15874" width="0.75" style="28" customWidth="1"/>
    <col min="15875" max="15897" width="1.625" style="28" customWidth="1"/>
    <col min="15898" max="15898" width="3" style="28" customWidth="1"/>
    <col min="15899" max="15926" width="1.625" style="28" customWidth="1"/>
    <col min="15927" max="15927" width="1.125" style="28" customWidth="1"/>
    <col min="15928" max="15933" width="1.625" style="28" customWidth="1"/>
    <col min="15934" max="16128" width="9" style="28"/>
    <col min="16129" max="16129" width="2.25" style="28" customWidth="1"/>
    <col min="16130" max="16130" width="0.75" style="28" customWidth="1"/>
    <col min="16131" max="16153" width="1.625" style="28" customWidth="1"/>
    <col min="16154" max="16154" width="3" style="28" customWidth="1"/>
    <col min="16155" max="16182" width="1.625" style="28" customWidth="1"/>
    <col min="16183" max="16183" width="1.125" style="28" customWidth="1"/>
    <col min="16184" max="16189" width="1.625" style="28" customWidth="1"/>
    <col min="16190" max="16384" width="9" style="28"/>
  </cols>
  <sheetData>
    <row r="1" spans="1:54" ht="6.75" customHeight="1">
      <c r="A1" s="27"/>
      <c r="J1" s="27"/>
      <c r="K1" s="27"/>
      <c r="L1" s="27"/>
      <c r="M1" s="27"/>
      <c r="N1" s="27"/>
      <c r="O1" s="27"/>
      <c r="P1" s="27"/>
      <c r="Q1" s="27"/>
      <c r="R1" s="27"/>
      <c r="S1" s="27"/>
      <c r="T1" s="27"/>
      <c r="U1" s="27"/>
      <c r="V1" s="27"/>
    </row>
    <row r="2" spans="1:54" ht="15" customHeight="1">
      <c r="A2" s="59"/>
      <c r="B2" s="59"/>
      <c r="C2" s="282" t="s">
        <v>101</v>
      </c>
      <c r="D2" s="284"/>
      <c r="E2" s="284"/>
      <c r="F2" s="284"/>
      <c r="G2" s="284"/>
      <c r="H2" s="284"/>
      <c r="I2" s="284"/>
      <c r="J2" s="284"/>
      <c r="K2" s="284"/>
      <c r="L2" s="284"/>
      <c r="M2" s="284"/>
      <c r="N2" s="284"/>
      <c r="O2" s="284"/>
      <c r="P2" s="284"/>
      <c r="Q2" s="284"/>
      <c r="R2" s="284"/>
      <c r="S2" s="284"/>
      <c r="T2" s="284"/>
      <c r="U2" s="284"/>
      <c r="V2" s="284"/>
      <c r="W2" s="284"/>
      <c r="X2" s="284"/>
      <c r="Y2" s="284"/>
      <c r="Z2" s="284"/>
      <c r="AA2" s="284"/>
      <c r="AB2" s="284"/>
      <c r="AC2" s="284"/>
      <c r="AD2" s="284"/>
      <c r="AE2" s="284"/>
      <c r="AF2" s="284"/>
      <c r="AG2" s="284"/>
      <c r="AH2" s="284"/>
      <c r="AI2" s="284"/>
      <c r="AJ2" s="284"/>
      <c r="AK2" s="284"/>
      <c r="AL2" s="284"/>
      <c r="AM2" s="284"/>
      <c r="AN2" s="284"/>
      <c r="AO2" s="284"/>
      <c r="AP2" s="284"/>
      <c r="AQ2" s="284"/>
      <c r="AR2" s="284"/>
      <c r="AS2" s="284"/>
      <c r="AT2" s="284"/>
      <c r="AU2" s="284"/>
      <c r="AV2" s="284"/>
      <c r="AW2" s="284"/>
      <c r="AX2" s="284"/>
      <c r="AY2" s="284"/>
      <c r="AZ2" s="284"/>
      <c r="BA2" s="284"/>
      <c r="BB2" s="284"/>
    </row>
    <row r="3" spans="1:54" ht="15" customHeight="1">
      <c r="A3" s="59"/>
      <c r="B3" s="29"/>
      <c r="C3" s="284"/>
      <c r="D3" s="284"/>
      <c r="E3" s="284"/>
      <c r="F3" s="284"/>
      <c r="G3" s="284"/>
      <c r="H3" s="284"/>
      <c r="I3" s="284"/>
      <c r="J3" s="284"/>
      <c r="K3" s="284"/>
      <c r="L3" s="284"/>
      <c r="M3" s="284"/>
      <c r="N3" s="284"/>
      <c r="O3" s="284"/>
      <c r="P3" s="284"/>
      <c r="Q3" s="284"/>
      <c r="R3" s="284"/>
      <c r="S3" s="284"/>
      <c r="T3" s="284"/>
      <c r="U3" s="284"/>
      <c r="V3" s="284"/>
      <c r="W3" s="284"/>
      <c r="X3" s="284"/>
      <c r="Y3" s="284"/>
      <c r="Z3" s="284"/>
      <c r="AA3" s="284"/>
      <c r="AB3" s="284"/>
      <c r="AC3" s="284"/>
      <c r="AD3" s="284"/>
      <c r="AE3" s="284"/>
      <c r="AF3" s="284"/>
      <c r="AG3" s="284"/>
      <c r="AH3" s="284"/>
      <c r="AI3" s="284"/>
      <c r="AJ3" s="284"/>
      <c r="AK3" s="284"/>
      <c r="AL3" s="284"/>
      <c r="AM3" s="284"/>
      <c r="AN3" s="284"/>
      <c r="AO3" s="284"/>
      <c r="AP3" s="284"/>
      <c r="AQ3" s="284"/>
      <c r="AR3" s="284"/>
      <c r="AS3" s="284"/>
      <c r="AT3" s="284"/>
      <c r="AU3" s="284"/>
      <c r="AV3" s="284"/>
      <c r="AW3" s="284"/>
      <c r="AX3" s="284"/>
      <c r="AY3" s="284"/>
      <c r="AZ3" s="284"/>
      <c r="BA3" s="284"/>
      <c r="BB3" s="284"/>
    </row>
    <row r="4" spans="1:54">
      <c r="A4" s="59"/>
      <c r="B4" s="59"/>
      <c r="C4" s="59"/>
      <c r="D4" s="59"/>
      <c r="E4" s="59"/>
      <c r="F4" s="59"/>
      <c r="G4" s="59"/>
      <c r="H4" s="59"/>
      <c r="I4" s="59"/>
      <c r="J4" s="59"/>
      <c r="K4" s="59"/>
      <c r="L4" s="59"/>
      <c r="M4" s="59"/>
      <c r="N4" s="59"/>
      <c r="O4" s="59"/>
      <c r="P4" s="59"/>
      <c r="Q4" s="59"/>
      <c r="R4" s="59"/>
      <c r="S4" s="59"/>
      <c r="T4" s="59"/>
      <c r="U4" s="59"/>
      <c r="V4" s="59"/>
      <c r="W4" s="59"/>
      <c r="X4" s="59"/>
      <c r="Y4" s="59"/>
      <c r="Z4" s="59"/>
      <c r="AA4" s="59"/>
      <c r="AB4" s="59"/>
      <c r="AC4" s="59"/>
      <c r="AD4" s="59"/>
      <c r="AE4" s="59"/>
      <c r="AF4" s="59"/>
      <c r="AG4" s="59"/>
      <c r="AH4" s="59"/>
      <c r="AI4" s="59"/>
      <c r="AJ4" s="59"/>
      <c r="AK4" s="59"/>
      <c r="AL4" s="59"/>
      <c r="AM4" s="59"/>
      <c r="AN4" s="59"/>
      <c r="AO4" s="59"/>
      <c r="AP4" s="59"/>
      <c r="AQ4" s="59"/>
      <c r="AR4" s="59"/>
      <c r="AS4" s="59"/>
      <c r="AT4" s="59"/>
      <c r="AU4" s="59"/>
      <c r="AV4" s="59"/>
      <c r="AW4" s="59"/>
      <c r="AX4" s="59"/>
      <c r="AY4" s="59"/>
      <c r="AZ4" s="59"/>
      <c r="BA4" s="59"/>
      <c r="BB4" s="59"/>
    </row>
    <row r="5" spans="1:54" ht="15.75" customHeight="1">
      <c r="A5" s="60" t="s">
        <v>102</v>
      </c>
      <c r="B5" s="59" t="s">
        <v>103</v>
      </c>
      <c r="C5" s="59"/>
      <c r="D5" s="59"/>
      <c r="E5" s="59"/>
      <c r="F5" s="59"/>
      <c r="G5" s="59"/>
      <c r="H5" s="59"/>
      <c r="I5" s="59"/>
      <c r="J5" s="59"/>
      <c r="K5" s="59"/>
      <c r="L5" s="59"/>
      <c r="M5" s="59"/>
      <c r="N5" s="59"/>
      <c r="O5" s="59"/>
      <c r="P5" s="59"/>
      <c r="Q5" s="59"/>
      <c r="R5" s="59"/>
      <c r="S5" s="59"/>
      <c r="T5" s="59"/>
      <c r="U5" s="59"/>
      <c r="V5" s="59"/>
      <c r="W5" s="59"/>
      <c r="X5" s="59"/>
      <c r="Y5" s="59"/>
      <c r="Z5" s="59"/>
      <c r="AA5" s="59"/>
      <c r="AB5" s="59"/>
      <c r="AC5" s="59"/>
      <c r="AD5" s="59"/>
      <c r="AE5" s="59"/>
      <c r="AF5" s="59"/>
      <c r="AG5" s="59"/>
      <c r="AH5" s="59"/>
      <c r="AI5" s="59"/>
      <c r="AJ5" s="59"/>
      <c r="AK5" s="59"/>
      <c r="AL5" s="59"/>
      <c r="AM5" s="59"/>
      <c r="AN5" s="59"/>
      <c r="AO5" s="59"/>
      <c r="AP5" s="59"/>
      <c r="AQ5" s="59"/>
      <c r="AR5" s="59"/>
      <c r="AS5" s="59"/>
      <c r="AT5" s="59"/>
      <c r="AU5" s="59"/>
      <c r="AV5" s="59"/>
      <c r="AW5" s="59"/>
      <c r="AX5" s="59"/>
      <c r="AY5" s="59"/>
      <c r="AZ5" s="59"/>
      <c r="BA5" s="59"/>
      <c r="BB5" s="59"/>
    </row>
    <row r="6" spans="1:54" ht="15.75" customHeight="1">
      <c r="A6" s="60"/>
      <c r="B6" s="59"/>
      <c r="C6" s="59" t="s">
        <v>96</v>
      </c>
      <c r="D6" s="59"/>
      <c r="E6" s="59"/>
      <c r="F6" s="59"/>
      <c r="G6" s="59"/>
      <c r="H6" s="59"/>
      <c r="I6" s="59"/>
      <c r="J6" s="59"/>
      <c r="K6" s="59"/>
      <c r="L6" s="59"/>
      <c r="M6" s="59"/>
      <c r="N6" s="59"/>
      <c r="O6" s="59"/>
      <c r="P6" s="59"/>
      <c r="Q6" s="59"/>
      <c r="R6" s="59"/>
      <c r="S6" s="59"/>
      <c r="T6" s="59"/>
      <c r="U6" s="59"/>
      <c r="V6" s="59"/>
      <c r="W6" s="59"/>
      <c r="X6" s="59"/>
      <c r="Y6" s="59"/>
      <c r="Z6" s="59"/>
      <c r="AA6" s="59"/>
      <c r="AB6" s="59"/>
      <c r="AC6" s="59"/>
      <c r="AD6" s="59"/>
      <c r="AE6" s="59"/>
      <c r="AF6" s="59"/>
      <c r="AG6" s="59"/>
      <c r="AH6" s="59"/>
      <c r="AI6" s="59"/>
      <c r="AJ6" s="59"/>
      <c r="AK6" s="59"/>
      <c r="AL6" s="59"/>
      <c r="AM6" s="59"/>
      <c r="AN6" s="59"/>
      <c r="AO6" s="59"/>
      <c r="AP6" s="59"/>
      <c r="AQ6" s="59"/>
      <c r="AR6" s="59"/>
      <c r="AS6" s="59"/>
      <c r="AT6" s="59"/>
      <c r="AU6" s="59"/>
      <c r="AV6" s="59"/>
      <c r="AW6" s="59"/>
      <c r="AX6" s="59"/>
      <c r="AY6" s="59"/>
      <c r="AZ6" s="59"/>
      <c r="BA6" s="59"/>
      <c r="BB6" s="59"/>
    </row>
    <row r="7" spans="1:54" ht="15.75" customHeight="1">
      <c r="A7" s="60"/>
      <c r="B7" s="59"/>
      <c r="C7" s="59" t="s">
        <v>97</v>
      </c>
      <c r="D7" s="59"/>
      <c r="E7" s="59"/>
      <c r="F7" s="59"/>
      <c r="G7" s="59"/>
      <c r="H7" s="59"/>
      <c r="I7" s="59"/>
      <c r="J7" s="59"/>
      <c r="K7" s="59"/>
      <c r="L7" s="59"/>
      <c r="M7" s="59"/>
      <c r="N7" s="59"/>
      <c r="O7" s="59"/>
      <c r="P7" s="59"/>
      <c r="Q7" s="59"/>
      <c r="R7" s="59"/>
      <c r="S7" s="59"/>
      <c r="T7" s="59"/>
      <c r="U7" s="59"/>
      <c r="V7" s="59"/>
      <c r="W7" s="59"/>
      <c r="X7" s="59"/>
      <c r="Y7" s="59"/>
      <c r="Z7" s="59"/>
      <c r="AA7" s="59"/>
      <c r="AB7" s="59"/>
      <c r="AC7" s="59"/>
      <c r="AD7" s="59"/>
      <c r="AE7" s="59"/>
      <c r="AF7" s="59"/>
      <c r="AG7" s="59"/>
      <c r="AH7" s="59"/>
      <c r="AI7" s="59"/>
      <c r="AJ7" s="59"/>
      <c r="AK7" s="59"/>
      <c r="AL7" s="59"/>
      <c r="AM7" s="59"/>
      <c r="AN7" s="59"/>
      <c r="AO7" s="59"/>
      <c r="AP7" s="59"/>
      <c r="AQ7" s="59"/>
      <c r="AR7" s="59"/>
      <c r="AS7" s="59"/>
      <c r="AT7" s="59"/>
      <c r="AU7" s="59"/>
      <c r="AV7" s="59"/>
      <c r="AW7" s="59"/>
      <c r="AX7" s="59"/>
      <c r="AY7" s="59"/>
      <c r="AZ7" s="59"/>
      <c r="BA7" s="59"/>
      <c r="BB7" s="59"/>
    </row>
    <row r="8" spans="1:54" ht="15.75" customHeight="1">
      <c r="A8" s="59"/>
      <c r="B8" s="59"/>
      <c r="C8" s="59" t="s">
        <v>98</v>
      </c>
      <c r="D8" s="59"/>
      <c r="E8" s="59"/>
      <c r="F8" s="59"/>
      <c r="G8" s="59"/>
      <c r="H8" s="59"/>
      <c r="I8" s="59"/>
      <c r="J8" s="59"/>
      <c r="K8" s="59"/>
      <c r="L8" s="59"/>
      <c r="M8" s="59"/>
      <c r="N8" s="59"/>
      <c r="O8" s="59"/>
      <c r="P8" s="59"/>
      <c r="Q8" s="59"/>
      <c r="R8" s="59"/>
      <c r="S8" s="59"/>
      <c r="T8" s="59"/>
      <c r="U8" s="59"/>
      <c r="V8" s="59"/>
      <c r="W8" s="59"/>
      <c r="X8" s="59"/>
      <c r="Y8" s="59"/>
      <c r="Z8" s="59"/>
      <c r="AA8" s="59"/>
      <c r="AB8" s="59"/>
      <c r="AC8" s="59"/>
      <c r="AD8" s="59"/>
      <c r="AE8" s="59"/>
      <c r="AF8" s="59"/>
      <c r="AG8" s="59"/>
      <c r="AH8" s="59"/>
      <c r="AI8" s="59"/>
      <c r="AJ8" s="59"/>
      <c r="AK8" s="59"/>
      <c r="AL8" s="59"/>
      <c r="AM8" s="59"/>
      <c r="AN8" s="59"/>
      <c r="AO8" s="59"/>
      <c r="AP8" s="59"/>
      <c r="AQ8" s="59"/>
      <c r="AR8" s="59"/>
      <c r="AS8" s="59"/>
      <c r="AT8" s="59"/>
      <c r="AU8" s="59"/>
      <c r="AV8" s="59"/>
      <c r="AW8" s="59"/>
      <c r="AX8" s="59"/>
      <c r="AY8" s="59"/>
      <c r="AZ8" s="59"/>
      <c r="BA8" s="59"/>
      <c r="BB8" s="59"/>
    </row>
    <row r="9" spans="1:54">
      <c r="A9" s="59"/>
      <c r="B9" s="59"/>
      <c r="C9" s="59" t="s">
        <v>99</v>
      </c>
      <c r="D9" s="59"/>
      <c r="E9" s="59"/>
      <c r="F9" s="59"/>
      <c r="G9" s="59"/>
      <c r="H9" s="59"/>
      <c r="I9" s="59"/>
      <c r="J9" s="59"/>
      <c r="K9" s="59"/>
      <c r="L9" s="59"/>
      <c r="M9" s="59"/>
      <c r="N9" s="59"/>
      <c r="O9" s="59"/>
      <c r="P9" s="59"/>
      <c r="Q9" s="59"/>
      <c r="R9" s="59"/>
      <c r="S9" s="59"/>
      <c r="T9" s="59"/>
      <c r="U9" s="59"/>
      <c r="V9" s="59"/>
      <c r="W9" s="59"/>
      <c r="X9" s="59"/>
      <c r="Y9" s="59"/>
      <c r="Z9" s="59"/>
      <c r="AA9" s="59"/>
      <c r="AB9" s="59"/>
      <c r="AC9" s="59"/>
      <c r="AD9" s="59"/>
      <c r="AE9" s="59"/>
      <c r="AF9" s="59"/>
      <c r="AG9" s="59"/>
      <c r="AH9" s="59"/>
      <c r="AI9" s="59"/>
      <c r="AJ9" s="59"/>
      <c r="AK9" s="59"/>
      <c r="AL9" s="59"/>
      <c r="AM9" s="59"/>
      <c r="AN9" s="59"/>
      <c r="AO9" s="59"/>
      <c r="AP9" s="59"/>
      <c r="AQ9" s="59"/>
      <c r="AR9" s="59"/>
      <c r="AS9" s="59"/>
      <c r="AT9" s="59"/>
      <c r="AU9" s="59"/>
      <c r="AV9" s="59"/>
      <c r="AW9" s="59"/>
      <c r="AX9" s="59"/>
      <c r="AY9" s="59"/>
      <c r="AZ9" s="59"/>
      <c r="BA9" s="59"/>
      <c r="BB9" s="59"/>
    </row>
    <row r="10" spans="1:54">
      <c r="A10" s="59"/>
      <c r="B10" s="59"/>
      <c r="C10" s="59" t="s">
        <v>100</v>
      </c>
      <c r="D10" s="59"/>
      <c r="E10" s="59"/>
      <c r="F10" s="59"/>
      <c r="G10" s="59"/>
      <c r="H10" s="59"/>
      <c r="I10" s="59"/>
      <c r="J10" s="59"/>
      <c r="K10" s="59"/>
      <c r="L10" s="59"/>
      <c r="M10" s="59"/>
      <c r="N10" s="59"/>
      <c r="O10" s="59"/>
      <c r="P10" s="59"/>
      <c r="Q10" s="59"/>
      <c r="R10" s="59"/>
      <c r="S10" s="59"/>
      <c r="T10" s="59"/>
      <c r="U10" s="59"/>
      <c r="V10" s="59"/>
      <c r="W10" s="59"/>
      <c r="X10" s="59"/>
      <c r="Y10" s="59"/>
      <c r="Z10" s="59"/>
      <c r="AA10" s="59"/>
      <c r="AB10" s="59"/>
      <c r="AC10" s="59"/>
      <c r="AD10" s="59"/>
      <c r="AE10" s="59"/>
      <c r="AF10" s="59"/>
      <c r="AG10" s="59"/>
      <c r="AH10" s="59"/>
      <c r="AI10" s="59"/>
      <c r="AJ10" s="59"/>
      <c r="AK10" s="59"/>
      <c r="AL10" s="59"/>
      <c r="AM10" s="59"/>
      <c r="AN10" s="59"/>
      <c r="AO10" s="59"/>
      <c r="AP10" s="59"/>
      <c r="AQ10" s="59"/>
      <c r="AR10" s="59"/>
      <c r="AS10" s="59"/>
      <c r="AT10" s="59"/>
      <c r="AU10" s="59"/>
      <c r="AV10" s="59"/>
      <c r="AW10" s="59"/>
      <c r="AX10" s="59"/>
      <c r="AY10" s="59"/>
      <c r="AZ10" s="59"/>
      <c r="BA10" s="59"/>
      <c r="BB10" s="59"/>
    </row>
    <row r="14" spans="1:54" ht="15" customHeight="1">
      <c r="C14" s="282" t="s">
        <v>91</v>
      </c>
      <c r="D14" s="283"/>
      <c r="E14" s="283"/>
      <c r="F14" s="283"/>
      <c r="G14" s="283"/>
      <c r="H14" s="283"/>
      <c r="I14" s="283"/>
      <c r="J14" s="283"/>
      <c r="K14" s="283"/>
      <c r="L14" s="283"/>
      <c r="M14" s="283"/>
      <c r="N14" s="283"/>
      <c r="O14" s="283"/>
      <c r="P14" s="283"/>
      <c r="Q14" s="283"/>
      <c r="R14" s="283"/>
      <c r="S14" s="283"/>
      <c r="T14" s="283"/>
      <c r="U14" s="283"/>
      <c r="V14" s="283"/>
      <c r="W14" s="283"/>
      <c r="X14" s="283"/>
      <c r="Y14" s="283"/>
      <c r="Z14" s="283"/>
      <c r="AA14" s="283"/>
      <c r="AB14" s="283"/>
      <c r="AC14" s="283"/>
      <c r="AD14" s="283"/>
      <c r="AE14" s="283"/>
      <c r="AF14" s="283"/>
      <c r="AG14" s="283"/>
      <c r="AH14" s="283"/>
      <c r="AI14" s="283"/>
      <c r="AJ14" s="283"/>
      <c r="AK14" s="283"/>
      <c r="AL14" s="283"/>
      <c r="AM14" s="283"/>
      <c r="AN14" s="283"/>
      <c r="AO14" s="283"/>
      <c r="AP14" s="283"/>
      <c r="AQ14" s="283"/>
      <c r="AR14" s="283"/>
      <c r="AS14" s="283"/>
      <c r="AT14" s="283"/>
      <c r="AU14" s="283"/>
      <c r="AV14" s="283"/>
      <c r="AW14" s="283"/>
      <c r="AX14" s="283"/>
      <c r="AY14" s="283"/>
      <c r="AZ14" s="283"/>
      <c r="BA14" s="283"/>
      <c r="BB14" s="283"/>
    </row>
    <row r="15" spans="1:54" ht="15" customHeight="1">
      <c r="B15" s="29"/>
      <c r="C15" s="283"/>
      <c r="D15" s="283"/>
      <c r="E15" s="283"/>
      <c r="F15" s="283"/>
      <c r="G15" s="283"/>
      <c r="H15" s="283"/>
      <c r="I15" s="283"/>
      <c r="J15" s="283"/>
      <c r="K15" s="283"/>
      <c r="L15" s="283"/>
      <c r="M15" s="283"/>
      <c r="N15" s="283"/>
      <c r="O15" s="283"/>
      <c r="P15" s="283"/>
      <c r="Q15" s="283"/>
      <c r="R15" s="283"/>
      <c r="S15" s="283"/>
      <c r="T15" s="283"/>
      <c r="U15" s="283"/>
      <c r="V15" s="283"/>
      <c r="W15" s="283"/>
      <c r="X15" s="283"/>
      <c r="Y15" s="283"/>
      <c r="Z15" s="283"/>
      <c r="AA15" s="283"/>
      <c r="AB15" s="283"/>
      <c r="AC15" s="283"/>
      <c r="AD15" s="283"/>
      <c r="AE15" s="283"/>
      <c r="AF15" s="283"/>
      <c r="AG15" s="283"/>
      <c r="AH15" s="283"/>
      <c r="AI15" s="283"/>
      <c r="AJ15" s="283"/>
      <c r="AK15" s="283"/>
      <c r="AL15" s="283"/>
      <c r="AM15" s="283"/>
      <c r="AN15" s="283"/>
      <c r="AO15" s="283"/>
      <c r="AP15" s="283"/>
      <c r="AQ15" s="283"/>
      <c r="AR15" s="283"/>
      <c r="AS15" s="283"/>
      <c r="AT15" s="283"/>
      <c r="AU15" s="283"/>
      <c r="AV15" s="283"/>
      <c r="AW15" s="283"/>
      <c r="AX15" s="283"/>
      <c r="AY15" s="283"/>
      <c r="AZ15" s="283"/>
      <c r="BA15" s="283"/>
      <c r="BB15" s="283"/>
    </row>
    <row r="16" spans="1:54" ht="8.25" customHeight="1">
      <c r="B16" s="30"/>
      <c r="C16" s="30"/>
      <c r="D16" s="30"/>
      <c r="E16" s="30"/>
      <c r="F16" s="30"/>
      <c r="G16" s="30"/>
      <c r="H16" s="30"/>
      <c r="I16" s="30"/>
      <c r="J16" s="30"/>
      <c r="K16" s="30"/>
      <c r="L16" s="30"/>
      <c r="M16" s="30"/>
      <c r="N16" s="30"/>
      <c r="V16" s="31"/>
    </row>
    <row r="17" spans="1:54" ht="4.5" customHeight="1">
      <c r="A17" s="32" ph="1"/>
      <c r="B17" s="33"/>
      <c r="C17" s="34"/>
      <c r="D17" s="34"/>
      <c r="E17" s="34"/>
      <c r="F17" s="34"/>
      <c r="G17" s="34"/>
      <c r="H17" s="34"/>
      <c r="I17" s="34"/>
      <c r="J17" s="34"/>
      <c r="K17" s="34"/>
      <c r="L17" s="34"/>
      <c r="M17" s="34"/>
      <c r="N17" s="31"/>
      <c r="O17" s="31"/>
      <c r="P17" s="31"/>
      <c r="Q17" s="31"/>
      <c r="R17" s="31"/>
      <c r="S17" s="31"/>
      <c r="T17" s="31"/>
      <c r="U17" s="31"/>
      <c r="V17" s="31"/>
      <c r="W17" s="31"/>
      <c r="X17" s="31"/>
      <c r="Y17" s="31"/>
      <c r="Z17" s="31"/>
      <c r="AA17" s="31"/>
      <c r="AB17" s="31"/>
      <c r="AC17" s="31"/>
      <c r="AD17" s="35"/>
      <c r="AE17" s="35"/>
      <c r="AF17" s="35"/>
      <c r="AG17" s="35"/>
      <c r="AH17" s="35"/>
      <c r="AI17" s="35"/>
      <c r="AJ17" s="35"/>
      <c r="AK17" s="35"/>
      <c r="AL17" s="35"/>
      <c r="AM17" s="35"/>
      <c r="AN17" s="31"/>
      <c r="AO17" s="31"/>
      <c r="AP17" s="31"/>
      <c r="AQ17" s="31"/>
      <c r="AR17" s="31"/>
      <c r="AS17" s="31"/>
      <c r="AT17" s="31"/>
      <c r="AU17" s="31"/>
      <c r="AV17" s="31"/>
      <c r="AW17" s="31"/>
      <c r="AX17" s="31"/>
      <c r="AY17" s="31"/>
      <c r="AZ17" s="31"/>
      <c r="BA17" s="31"/>
      <c r="BB17" s="31"/>
    </row>
    <row r="18" spans="1:54" ht="4.5" customHeight="1">
      <c r="A18" s="32" ph="1"/>
      <c r="B18" s="33"/>
      <c r="C18" s="33"/>
      <c r="D18" s="33"/>
      <c r="E18" s="33"/>
      <c r="F18" s="33"/>
      <c r="G18" s="33"/>
      <c r="H18" s="33"/>
      <c r="I18" s="33"/>
      <c r="J18" s="33"/>
      <c r="K18" s="33"/>
      <c r="L18" s="33"/>
      <c r="M18" s="33"/>
      <c r="N18" s="31"/>
      <c r="O18" s="31"/>
      <c r="P18" s="31"/>
      <c r="Q18" s="31"/>
      <c r="R18" s="31"/>
      <c r="S18" s="31"/>
      <c r="T18" s="31"/>
      <c r="U18" s="31"/>
      <c r="V18" s="31"/>
    </row>
    <row r="19" spans="1:54" ht="3" customHeight="1">
      <c r="A19" s="36"/>
    </row>
    <row r="20" spans="1:54" ht="15.75" customHeight="1">
      <c r="A20" s="37" t="s">
        <v>68</v>
      </c>
      <c r="B20" s="61" t="s">
        <v>105</v>
      </c>
    </row>
    <row r="21" spans="1:54" ht="15.75" customHeight="1">
      <c r="A21" s="37"/>
      <c r="B21" s="28" t="s">
        <v>94</v>
      </c>
    </row>
    <row r="22" spans="1:54" ht="15.75" customHeight="1">
      <c r="A22" s="37"/>
      <c r="B22" s="28" t="s">
        <v>76</v>
      </c>
    </row>
    <row r="23" spans="1:54" ht="15.75" customHeight="1">
      <c r="A23" s="37"/>
      <c r="B23" s="28" t="s">
        <v>77</v>
      </c>
    </row>
    <row r="24" spans="1:54" ht="15.75" customHeight="1">
      <c r="A24" s="38"/>
      <c r="B24" s="39" t="s">
        <v>78</v>
      </c>
      <c r="C24" s="39"/>
      <c r="D24" s="39"/>
      <c r="E24" s="39"/>
      <c r="F24" s="39"/>
      <c r="G24" s="39"/>
      <c r="H24" s="39"/>
      <c r="I24" s="39"/>
      <c r="J24" s="39"/>
      <c r="K24" s="39"/>
      <c r="L24" s="39"/>
      <c r="M24" s="39"/>
      <c r="N24" s="39"/>
      <c r="O24" s="39"/>
      <c r="P24" s="39"/>
      <c r="Q24" s="39"/>
      <c r="R24" s="39"/>
      <c r="S24" s="39"/>
      <c r="T24" s="39"/>
      <c r="U24" s="39"/>
      <c r="V24" s="39"/>
      <c r="W24" s="39"/>
      <c r="X24" s="39"/>
      <c r="Y24" s="39"/>
      <c r="Z24" s="39"/>
      <c r="AA24" s="39"/>
      <c r="AB24" s="39"/>
      <c r="AC24" s="39"/>
      <c r="AD24" s="39"/>
      <c r="AE24" s="39"/>
      <c r="AF24" s="39"/>
      <c r="AG24" s="39"/>
      <c r="AH24" s="39"/>
      <c r="AI24" s="39"/>
      <c r="AJ24" s="39"/>
      <c r="AK24" s="39"/>
      <c r="AL24" s="39"/>
      <c r="AM24" s="39"/>
      <c r="AN24" s="39"/>
      <c r="AO24" s="39"/>
      <c r="AP24" s="39"/>
      <c r="AQ24" s="39"/>
      <c r="AR24" s="39"/>
      <c r="AS24" s="39"/>
      <c r="AT24" s="39"/>
      <c r="AU24" s="39"/>
      <c r="AV24" s="39"/>
      <c r="AW24" s="39"/>
      <c r="AX24" s="39"/>
      <c r="AY24" s="39"/>
      <c r="AZ24" s="39"/>
      <c r="BA24" s="39"/>
    </row>
    <row r="25" spans="1:54" ht="15.75" customHeight="1">
      <c r="A25" s="38"/>
      <c r="B25" s="39" t="s">
        <v>79</v>
      </c>
      <c r="C25" s="39"/>
      <c r="D25" s="39"/>
      <c r="E25" s="39"/>
      <c r="F25" s="39"/>
      <c r="G25" s="39"/>
      <c r="H25" s="39"/>
      <c r="I25" s="39"/>
      <c r="J25" s="39"/>
      <c r="K25" s="39"/>
      <c r="L25" s="39"/>
      <c r="M25" s="39"/>
      <c r="N25" s="39"/>
      <c r="O25" s="39"/>
      <c r="P25" s="39"/>
      <c r="Q25" s="39"/>
      <c r="R25" s="39"/>
      <c r="S25" s="39"/>
      <c r="T25" s="39"/>
      <c r="U25" s="39"/>
      <c r="V25" s="39"/>
      <c r="W25" s="39"/>
      <c r="X25" s="39"/>
      <c r="Y25" s="39"/>
      <c r="Z25" s="39"/>
      <c r="AA25" s="39"/>
      <c r="AB25" s="39"/>
      <c r="AC25" s="39"/>
      <c r="AD25" s="39"/>
      <c r="AE25" s="39"/>
      <c r="AF25" s="39"/>
      <c r="AG25" s="39"/>
      <c r="AH25" s="39"/>
      <c r="AI25" s="39"/>
      <c r="AJ25" s="39"/>
      <c r="AK25" s="39"/>
      <c r="AL25" s="39"/>
      <c r="AM25" s="39"/>
      <c r="AN25" s="39"/>
      <c r="AO25" s="39"/>
      <c r="AP25" s="39"/>
      <c r="AQ25" s="39"/>
      <c r="AR25" s="39"/>
      <c r="AS25" s="39"/>
      <c r="AT25" s="39"/>
      <c r="AU25" s="39"/>
      <c r="AV25" s="39"/>
      <c r="AW25" s="39"/>
      <c r="AX25" s="39"/>
      <c r="AY25" s="39"/>
      <c r="AZ25" s="39"/>
      <c r="BA25" s="39"/>
    </row>
    <row r="26" spans="1:54" ht="6.75" customHeight="1">
      <c r="A26" s="37"/>
      <c r="B26" s="40"/>
      <c r="C26" s="41"/>
      <c r="D26" s="41"/>
      <c r="E26" s="41"/>
      <c r="F26" s="41"/>
      <c r="G26" s="41"/>
      <c r="H26" s="41"/>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1"/>
      <c r="AI26" s="41"/>
      <c r="AJ26" s="41"/>
      <c r="AK26" s="41"/>
      <c r="AL26" s="41"/>
      <c r="AM26" s="41"/>
      <c r="AN26" s="41"/>
      <c r="AO26" s="41"/>
      <c r="AP26" s="41"/>
      <c r="AQ26" s="41"/>
      <c r="AR26" s="41"/>
      <c r="AS26" s="41"/>
      <c r="AT26" s="41"/>
      <c r="AU26" s="41"/>
      <c r="AV26" s="41"/>
      <c r="AW26" s="41"/>
      <c r="AX26" s="41"/>
      <c r="AY26" s="41"/>
      <c r="AZ26" s="41"/>
      <c r="BA26" s="41"/>
      <c r="BB26" s="41"/>
    </row>
    <row r="27" spans="1:54" ht="15.75" customHeight="1">
      <c r="A27" s="37" t="s">
        <v>68</v>
      </c>
      <c r="B27" s="28" t="s">
        <v>71</v>
      </c>
    </row>
    <row r="28" spans="1:54" ht="15.75" customHeight="1">
      <c r="B28" s="28" t="s">
        <v>80</v>
      </c>
    </row>
    <row r="29" spans="1:54" ht="15.75" customHeight="1">
      <c r="B29" s="28" t="s">
        <v>81</v>
      </c>
    </row>
    <row r="30" spans="1:54" ht="15.75" customHeight="1">
      <c r="B30" s="28" t="s">
        <v>82</v>
      </c>
    </row>
    <row r="31" spans="1:54" ht="15.75" customHeight="1">
      <c r="B31" s="28" t="s">
        <v>95</v>
      </c>
    </row>
    <row r="32" spans="1:54" ht="6.75" customHeight="1"/>
    <row r="33" spans="1:62" ht="15.75" customHeight="1">
      <c r="A33" s="28" t="s">
        <v>72</v>
      </c>
      <c r="B33" s="28" t="s">
        <v>73</v>
      </c>
    </row>
    <row r="34" spans="1:62" ht="15.75" customHeight="1">
      <c r="B34" s="28" t="s">
        <v>106</v>
      </c>
    </row>
    <row r="35" spans="1:62" ht="15.75" customHeight="1">
      <c r="C35" s="28" t="s">
        <v>69</v>
      </c>
    </row>
    <row r="36" spans="1:62" ht="15.75" customHeight="1">
      <c r="C36" s="28" t="s">
        <v>83</v>
      </c>
    </row>
    <row r="37" spans="1:62" ht="15.75" customHeight="1">
      <c r="C37" s="42" t="s">
        <v>84</v>
      </c>
    </row>
    <row r="38" spans="1:62" ht="15.75" customHeight="1">
      <c r="C38" s="42" t="s">
        <v>85</v>
      </c>
    </row>
    <row r="39" spans="1:62" ht="15.75" customHeight="1">
      <c r="C39" s="28" t="s">
        <v>74</v>
      </c>
    </row>
    <row r="40" spans="1:62" ht="15.75" customHeight="1">
      <c r="A40" s="37"/>
      <c r="C40" s="28" t="s">
        <v>75</v>
      </c>
    </row>
    <row r="41" spans="1:62" ht="15.75" customHeight="1">
      <c r="A41" s="37"/>
    </row>
    <row r="42" spans="1:62" ht="15.75" customHeight="1">
      <c r="A42" s="37"/>
      <c r="D42" s="28" t="s">
        <v>86</v>
      </c>
    </row>
    <row r="43" spans="1:62" ht="15.75" customHeight="1">
      <c r="A43" s="37"/>
      <c r="D43" s="28" t="s">
        <v>87</v>
      </c>
    </row>
    <row r="44" spans="1:62" ht="15.75" customHeight="1">
      <c r="A44" s="37"/>
      <c r="D44" s="28" t="s">
        <v>88</v>
      </c>
    </row>
    <row r="45" spans="1:62" ht="15.75" customHeight="1">
      <c r="A45" s="37"/>
      <c r="D45" s="28" t="s">
        <v>89</v>
      </c>
    </row>
    <row r="46" spans="1:62" ht="15.75" customHeight="1">
      <c r="A46" s="37"/>
      <c r="D46" s="28" t="s">
        <v>90</v>
      </c>
      <c r="BJ46" s="28" t="s">
        <v>70</v>
      </c>
    </row>
  </sheetData>
  <mergeCells count="2">
    <mergeCell ref="C14:BB15"/>
    <mergeCell ref="C2:BB3"/>
  </mergeCells>
  <phoneticPr fontId="1"/>
  <dataValidations disablePrompts="1" count="2">
    <dataValidation imeMode="off" allowBlank="1" showInputMessage="1" showErrorMessage="1" sqref="N65450 JJ65455 TF65455 ADB65455 AMX65455 AWT65455 BGP65455 BQL65455 CAH65455 CKD65455 CTZ65455 DDV65455 DNR65455 DXN65455 EHJ65455 ERF65455 FBB65455 FKX65455 FUT65455 GEP65455 GOL65455 GYH65455 HID65455 HRZ65455 IBV65455 ILR65455 IVN65455 JFJ65455 JPF65455 JZB65455 KIX65455 KST65455 LCP65455 LML65455 LWH65455 MGD65455 MPZ65455 MZV65455 NJR65455 NTN65455 ODJ65455 ONF65455 OXB65455 PGX65455 PQT65455 QAP65455 QKL65455 QUH65455 RED65455 RNZ65455 RXV65455 SHR65455 SRN65455 TBJ65455 TLF65455 TVB65455 UEX65455 UOT65455 UYP65455 VIL65455 VSH65455 WCD65455 WLZ65455 WVV65455 N130986 JJ130991 TF130991 ADB130991 AMX130991 AWT130991 BGP130991 BQL130991 CAH130991 CKD130991 CTZ130991 DDV130991 DNR130991 DXN130991 EHJ130991 ERF130991 FBB130991 FKX130991 FUT130991 GEP130991 GOL130991 GYH130991 HID130991 HRZ130991 IBV130991 ILR130991 IVN130991 JFJ130991 JPF130991 JZB130991 KIX130991 KST130991 LCP130991 LML130991 LWH130991 MGD130991 MPZ130991 MZV130991 NJR130991 NTN130991 ODJ130991 ONF130991 OXB130991 PGX130991 PQT130991 QAP130991 QKL130991 QUH130991 RED130991 RNZ130991 RXV130991 SHR130991 SRN130991 TBJ130991 TLF130991 TVB130991 UEX130991 UOT130991 UYP130991 VIL130991 VSH130991 WCD130991 WLZ130991 WVV130991 N196522 JJ196527 TF196527 ADB196527 AMX196527 AWT196527 BGP196527 BQL196527 CAH196527 CKD196527 CTZ196527 DDV196527 DNR196527 DXN196527 EHJ196527 ERF196527 FBB196527 FKX196527 FUT196527 GEP196527 GOL196527 GYH196527 HID196527 HRZ196527 IBV196527 ILR196527 IVN196527 JFJ196527 JPF196527 JZB196527 KIX196527 KST196527 LCP196527 LML196527 LWH196527 MGD196527 MPZ196527 MZV196527 NJR196527 NTN196527 ODJ196527 ONF196527 OXB196527 PGX196527 PQT196527 QAP196527 QKL196527 QUH196527 RED196527 RNZ196527 RXV196527 SHR196527 SRN196527 TBJ196527 TLF196527 TVB196527 UEX196527 UOT196527 UYP196527 VIL196527 VSH196527 WCD196527 WLZ196527 WVV196527 N262058 JJ262063 TF262063 ADB262063 AMX262063 AWT262063 BGP262063 BQL262063 CAH262063 CKD262063 CTZ262063 DDV262063 DNR262063 DXN262063 EHJ262063 ERF262063 FBB262063 FKX262063 FUT262063 GEP262063 GOL262063 GYH262063 HID262063 HRZ262063 IBV262063 ILR262063 IVN262063 JFJ262063 JPF262063 JZB262063 KIX262063 KST262063 LCP262063 LML262063 LWH262063 MGD262063 MPZ262063 MZV262063 NJR262063 NTN262063 ODJ262063 ONF262063 OXB262063 PGX262063 PQT262063 QAP262063 QKL262063 QUH262063 RED262063 RNZ262063 RXV262063 SHR262063 SRN262063 TBJ262063 TLF262063 TVB262063 UEX262063 UOT262063 UYP262063 VIL262063 VSH262063 WCD262063 WLZ262063 WVV262063 N327594 JJ327599 TF327599 ADB327599 AMX327599 AWT327599 BGP327599 BQL327599 CAH327599 CKD327599 CTZ327599 DDV327599 DNR327599 DXN327599 EHJ327599 ERF327599 FBB327599 FKX327599 FUT327599 GEP327599 GOL327599 GYH327599 HID327599 HRZ327599 IBV327599 ILR327599 IVN327599 JFJ327599 JPF327599 JZB327599 KIX327599 KST327599 LCP327599 LML327599 LWH327599 MGD327599 MPZ327599 MZV327599 NJR327599 NTN327599 ODJ327599 ONF327599 OXB327599 PGX327599 PQT327599 QAP327599 QKL327599 QUH327599 RED327599 RNZ327599 RXV327599 SHR327599 SRN327599 TBJ327599 TLF327599 TVB327599 UEX327599 UOT327599 UYP327599 VIL327599 VSH327599 WCD327599 WLZ327599 WVV327599 N393130 JJ393135 TF393135 ADB393135 AMX393135 AWT393135 BGP393135 BQL393135 CAH393135 CKD393135 CTZ393135 DDV393135 DNR393135 DXN393135 EHJ393135 ERF393135 FBB393135 FKX393135 FUT393135 GEP393135 GOL393135 GYH393135 HID393135 HRZ393135 IBV393135 ILR393135 IVN393135 JFJ393135 JPF393135 JZB393135 KIX393135 KST393135 LCP393135 LML393135 LWH393135 MGD393135 MPZ393135 MZV393135 NJR393135 NTN393135 ODJ393135 ONF393135 OXB393135 PGX393135 PQT393135 QAP393135 QKL393135 QUH393135 RED393135 RNZ393135 RXV393135 SHR393135 SRN393135 TBJ393135 TLF393135 TVB393135 UEX393135 UOT393135 UYP393135 VIL393135 VSH393135 WCD393135 WLZ393135 WVV393135 N458666 JJ458671 TF458671 ADB458671 AMX458671 AWT458671 BGP458671 BQL458671 CAH458671 CKD458671 CTZ458671 DDV458671 DNR458671 DXN458671 EHJ458671 ERF458671 FBB458671 FKX458671 FUT458671 GEP458671 GOL458671 GYH458671 HID458671 HRZ458671 IBV458671 ILR458671 IVN458671 JFJ458671 JPF458671 JZB458671 KIX458671 KST458671 LCP458671 LML458671 LWH458671 MGD458671 MPZ458671 MZV458671 NJR458671 NTN458671 ODJ458671 ONF458671 OXB458671 PGX458671 PQT458671 QAP458671 QKL458671 QUH458671 RED458671 RNZ458671 RXV458671 SHR458671 SRN458671 TBJ458671 TLF458671 TVB458671 UEX458671 UOT458671 UYP458671 VIL458671 VSH458671 WCD458671 WLZ458671 WVV458671 N524202 JJ524207 TF524207 ADB524207 AMX524207 AWT524207 BGP524207 BQL524207 CAH524207 CKD524207 CTZ524207 DDV524207 DNR524207 DXN524207 EHJ524207 ERF524207 FBB524207 FKX524207 FUT524207 GEP524207 GOL524207 GYH524207 HID524207 HRZ524207 IBV524207 ILR524207 IVN524207 JFJ524207 JPF524207 JZB524207 KIX524207 KST524207 LCP524207 LML524207 LWH524207 MGD524207 MPZ524207 MZV524207 NJR524207 NTN524207 ODJ524207 ONF524207 OXB524207 PGX524207 PQT524207 QAP524207 QKL524207 QUH524207 RED524207 RNZ524207 RXV524207 SHR524207 SRN524207 TBJ524207 TLF524207 TVB524207 UEX524207 UOT524207 UYP524207 VIL524207 VSH524207 WCD524207 WLZ524207 WVV524207 N589738 JJ589743 TF589743 ADB589743 AMX589743 AWT589743 BGP589743 BQL589743 CAH589743 CKD589743 CTZ589743 DDV589743 DNR589743 DXN589743 EHJ589743 ERF589743 FBB589743 FKX589743 FUT589743 GEP589743 GOL589743 GYH589743 HID589743 HRZ589743 IBV589743 ILR589743 IVN589743 JFJ589743 JPF589743 JZB589743 KIX589743 KST589743 LCP589743 LML589743 LWH589743 MGD589743 MPZ589743 MZV589743 NJR589743 NTN589743 ODJ589743 ONF589743 OXB589743 PGX589743 PQT589743 QAP589743 QKL589743 QUH589743 RED589743 RNZ589743 RXV589743 SHR589743 SRN589743 TBJ589743 TLF589743 TVB589743 UEX589743 UOT589743 UYP589743 VIL589743 VSH589743 WCD589743 WLZ589743 WVV589743 N655274 JJ655279 TF655279 ADB655279 AMX655279 AWT655279 BGP655279 BQL655279 CAH655279 CKD655279 CTZ655279 DDV655279 DNR655279 DXN655279 EHJ655279 ERF655279 FBB655279 FKX655279 FUT655279 GEP655279 GOL655279 GYH655279 HID655279 HRZ655279 IBV655279 ILR655279 IVN655279 JFJ655279 JPF655279 JZB655279 KIX655279 KST655279 LCP655279 LML655279 LWH655279 MGD655279 MPZ655279 MZV655279 NJR655279 NTN655279 ODJ655279 ONF655279 OXB655279 PGX655279 PQT655279 QAP655279 QKL655279 QUH655279 RED655279 RNZ655279 RXV655279 SHR655279 SRN655279 TBJ655279 TLF655279 TVB655279 UEX655279 UOT655279 UYP655279 VIL655279 VSH655279 WCD655279 WLZ655279 WVV655279 N720810 JJ720815 TF720815 ADB720815 AMX720815 AWT720815 BGP720815 BQL720815 CAH720815 CKD720815 CTZ720815 DDV720815 DNR720815 DXN720815 EHJ720815 ERF720815 FBB720815 FKX720815 FUT720815 GEP720815 GOL720815 GYH720815 HID720815 HRZ720815 IBV720815 ILR720815 IVN720815 JFJ720815 JPF720815 JZB720815 KIX720815 KST720815 LCP720815 LML720815 LWH720815 MGD720815 MPZ720815 MZV720815 NJR720815 NTN720815 ODJ720815 ONF720815 OXB720815 PGX720815 PQT720815 QAP720815 QKL720815 QUH720815 RED720815 RNZ720815 RXV720815 SHR720815 SRN720815 TBJ720815 TLF720815 TVB720815 UEX720815 UOT720815 UYP720815 VIL720815 VSH720815 WCD720815 WLZ720815 WVV720815 N786346 JJ786351 TF786351 ADB786351 AMX786351 AWT786351 BGP786351 BQL786351 CAH786351 CKD786351 CTZ786351 DDV786351 DNR786351 DXN786351 EHJ786351 ERF786351 FBB786351 FKX786351 FUT786351 GEP786351 GOL786351 GYH786351 HID786351 HRZ786351 IBV786351 ILR786351 IVN786351 JFJ786351 JPF786351 JZB786351 KIX786351 KST786351 LCP786351 LML786351 LWH786351 MGD786351 MPZ786351 MZV786351 NJR786351 NTN786351 ODJ786351 ONF786351 OXB786351 PGX786351 PQT786351 QAP786351 QKL786351 QUH786351 RED786351 RNZ786351 RXV786351 SHR786351 SRN786351 TBJ786351 TLF786351 TVB786351 UEX786351 UOT786351 UYP786351 VIL786351 VSH786351 WCD786351 WLZ786351 WVV786351 N851882 JJ851887 TF851887 ADB851887 AMX851887 AWT851887 BGP851887 BQL851887 CAH851887 CKD851887 CTZ851887 DDV851887 DNR851887 DXN851887 EHJ851887 ERF851887 FBB851887 FKX851887 FUT851887 GEP851887 GOL851887 GYH851887 HID851887 HRZ851887 IBV851887 ILR851887 IVN851887 JFJ851887 JPF851887 JZB851887 KIX851887 KST851887 LCP851887 LML851887 LWH851887 MGD851887 MPZ851887 MZV851887 NJR851887 NTN851887 ODJ851887 ONF851887 OXB851887 PGX851887 PQT851887 QAP851887 QKL851887 QUH851887 RED851887 RNZ851887 RXV851887 SHR851887 SRN851887 TBJ851887 TLF851887 TVB851887 UEX851887 UOT851887 UYP851887 VIL851887 VSH851887 WCD851887 WLZ851887 WVV851887 N917418 JJ917423 TF917423 ADB917423 AMX917423 AWT917423 BGP917423 BQL917423 CAH917423 CKD917423 CTZ917423 DDV917423 DNR917423 DXN917423 EHJ917423 ERF917423 FBB917423 FKX917423 FUT917423 GEP917423 GOL917423 GYH917423 HID917423 HRZ917423 IBV917423 ILR917423 IVN917423 JFJ917423 JPF917423 JZB917423 KIX917423 KST917423 LCP917423 LML917423 LWH917423 MGD917423 MPZ917423 MZV917423 NJR917423 NTN917423 ODJ917423 ONF917423 OXB917423 PGX917423 PQT917423 QAP917423 QKL917423 QUH917423 RED917423 RNZ917423 RXV917423 SHR917423 SRN917423 TBJ917423 TLF917423 TVB917423 UEX917423 UOT917423 UYP917423 VIL917423 VSH917423 WCD917423 WLZ917423 WVV917423 N982954 JJ982959 TF982959 ADB982959 AMX982959 AWT982959 BGP982959 BQL982959 CAH982959 CKD982959 CTZ982959 DDV982959 DNR982959 DXN982959 EHJ982959 ERF982959 FBB982959 FKX982959 FUT982959 GEP982959 GOL982959 GYH982959 HID982959 HRZ982959 IBV982959 ILR982959 IVN982959 JFJ982959 JPF982959 JZB982959 KIX982959 KST982959 LCP982959 LML982959 LWH982959 MGD982959 MPZ982959 MZV982959 NJR982959 NTN982959 ODJ982959 ONF982959 OXB982959 PGX982959 PQT982959 QAP982959 QKL982959 QUH982959 RED982959 RNZ982959 RXV982959 SHR982959 SRN982959 TBJ982959 TLF982959 TVB982959 UEX982959 UOT982959 UYP982959 VIL982959 VSH982959 WCD982959 WLZ982959 WVV982959 P65469:R65469 JL65474:JN65474 TH65474:TJ65474 ADD65474:ADF65474 AMZ65474:ANB65474 AWV65474:AWX65474 BGR65474:BGT65474 BQN65474:BQP65474 CAJ65474:CAL65474 CKF65474:CKH65474 CUB65474:CUD65474 DDX65474:DDZ65474 DNT65474:DNV65474 DXP65474:DXR65474 EHL65474:EHN65474 ERH65474:ERJ65474 FBD65474:FBF65474 FKZ65474:FLB65474 FUV65474:FUX65474 GER65474:GET65474 GON65474:GOP65474 GYJ65474:GYL65474 HIF65474:HIH65474 HSB65474:HSD65474 IBX65474:IBZ65474 ILT65474:ILV65474 IVP65474:IVR65474 JFL65474:JFN65474 JPH65474:JPJ65474 JZD65474:JZF65474 KIZ65474:KJB65474 KSV65474:KSX65474 LCR65474:LCT65474 LMN65474:LMP65474 LWJ65474:LWL65474 MGF65474:MGH65474 MQB65474:MQD65474 MZX65474:MZZ65474 NJT65474:NJV65474 NTP65474:NTR65474 ODL65474:ODN65474 ONH65474:ONJ65474 OXD65474:OXF65474 PGZ65474:PHB65474 PQV65474:PQX65474 QAR65474:QAT65474 QKN65474:QKP65474 QUJ65474:QUL65474 REF65474:REH65474 ROB65474:ROD65474 RXX65474:RXZ65474 SHT65474:SHV65474 SRP65474:SRR65474 TBL65474:TBN65474 TLH65474:TLJ65474 TVD65474:TVF65474 UEZ65474:UFB65474 UOV65474:UOX65474 UYR65474:UYT65474 VIN65474:VIP65474 VSJ65474:VSL65474 WCF65474:WCH65474 WMB65474:WMD65474 WVX65474:WVZ65474 P131005:R131005 JL131010:JN131010 TH131010:TJ131010 ADD131010:ADF131010 AMZ131010:ANB131010 AWV131010:AWX131010 BGR131010:BGT131010 BQN131010:BQP131010 CAJ131010:CAL131010 CKF131010:CKH131010 CUB131010:CUD131010 DDX131010:DDZ131010 DNT131010:DNV131010 DXP131010:DXR131010 EHL131010:EHN131010 ERH131010:ERJ131010 FBD131010:FBF131010 FKZ131010:FLB131010 FUV131010:FUX131010 GER131010:GET131010 GON131010:GOP131010 GYJ131010:GYL131010 HIF131010:HIH131010 HSB131010:HSD131010 IBX131010:IBZ131010 ILT131010:ILV131010 IVP131010:IVR131010 JFL131010:JFN131010 JPH131010:JPJ131010 JZD131010:JZF131010 KIZ131010:KJB131010 KSV131010:KSX131010 LCR131010:LCT131010 LMN131010:LMP131010 LWJ131010:LWL131010 MGF131010:MGH131010 MQB131010:MQD131010 MZX131010:MZZ131010 NJT131010:NJV131010 NTP131010:NTR131010 ODL131010:ODN131010 ONH131010:ONJ131010 OXD131010:OXF131010 PGZ131010:PHB131010 PQV131010:PQX131010 QAR131010:QAT131010 QKN131010:QKP131010 QUJ131010:QUL131010 REF131010:REH131010 ROB131010:ROD131010 RXX131010:RXZ131010 SHT131010:SHV131010 SRP131010:SRR131010 TBL131010:TBN131010 TLH131010:TLJ131010 TVD131010:TVF131010 UEZ131010:UFB131010 UOV131010:UOX131010 UYR131010:UYT131010 VIN131010:VIP131010 VSJ131010:VSL131010 WCF131010:WCH131010 WMB131010:WMD131010 WVX131010:WVZ131010 P196541:R196541 JL196546:JN196546 TH196546:TJ196546 ADD196546:ADF196546 AMZ196546:ANB196546 AWV196546:AWX196546 BGR196546:BGT196546 BQN196546:BQP196546 CAJ196546:CAL196546 CKF196546:CKH196546 CUB196546:CUD196546 DDX196546:DDZ196546 DNT196546:DNV196546 DXP196546:DXR196546 EHL196546:EHN196546 ERH196546:ERJ196546 FBD196546:FBF196546 FKZ196546:FLB196546 FUV196546:FUX196546 GER196546:GET196546 GON196546:GOP196546 GYJ196546:GYL196546 HIF196546:HIH196546 HSB196546:HSD196546 IBX196546:IBZ196546 ILT196546:ILV196546 IVP196546:IVR196546 JFL196546:JFN196546 JPH196546:JPJ196546 JZD196546:JZF196546 KIZ196546:KJB196546 KSV196546:KSX196546 LCR196546:LCT196546 LMN196546:LMP196546 LWJ196546:LWL196546 MGF196546:MGH196546 MQB196546:MQD196546 MZX196546:MZZ196546 NJT196546:NJV196546 NTP196546:NTR196546 ODL196546:ODN196546 ONH196546:ONJ196546 OXD196546:OXF196546 PGZ196546:PHB196546 PQV196546:PQX196546 QAR196546:QAT196546 QKN196546:QKP196546 QUJ196546:QUL196546 REF196546:REH196546 ROB196546:ROD196546 RXX196546:RXZ196546 SHT196546:SHV196546 SRP196546:SRR196546 TBL196546:TBN196546 TLH196546:TLJ196546 TVD196546:TVF196546 UEZ196546:UFB196546 UOV196546:UOX196546 UYR196546:UYT196546 VIN196546:VIP196546 VSJ196546:VSL196546 WCF196546:WCH196546 WMB196546:WMD196546 WVX196546:WVZ196546 P262077:R262077 JL262082:JN262082 TH262082:TJ262082 ADD262082:ADF262082 AMZ262082:ANB262082 AWV262082:AWX262082 BGR262082:BGT262082 BQN262082:BQP262082 CAJ262082:CAL262082 CKF262082:CKH262082 CUB262082:CUD262082 DDX262082:DDZ262082 DNT262082:DNV262082 DXP262082:DXR262082 EHL262082:EHN262082 ERH262082:ERJ262082 FBD262082:FBF262082 FKZ262082:FLB262082 FUV262082:FUX262082 GER262082:GET262082 GON262082:GOP262082 GYJ262082:GYL262082 HIF262082:HIH262082 HSB262082:HSD262082 IBX262082:IBZ262082 ILT262082:ILV262082 IVP262082:IVR262082 JFL262082:JFN262082 JPH262082:JPJ262082 JZD262082:JZF262082 KIZ262082:KJB262082 KSV262082:KSX262082 LCR262082:LCT262082 LMN262082:LMP262082 LWJ262082:LWL262082 MGF262082:MGH262082 MQB262082:MQD262082 MZX262082:MZZ262082 NJT262082:NJV262082 NTP262082:NTR262082 ODL262082:ODN262082 ONH262082:ONJ262082 OXD262082:OXF262082 PGZ262082:PHB262082 PQV262082:PQX262082 QAR262082:QAT262082 QKN262082:QKP262082 QUJ262082:QUL262082 REF262082:REH262082 ROB262082:ROD262082 RXX262082:RXZ262082 SHT262082:SHV262082 SRP262082:SRR262082 TBL262082:TBN262082 TLH262082:TLJ262082 TVD262082:TVF262082 UEZ262082:UFB262082 UOV262082:UOX262082 UYR262082:UYT262082 VIN262082:VIP262082 VSJ262082:VSL262082 WCF262082:WCH262082 WMB262082:WMD262082 WVX262082:WVZ262082 P327613:R327613 JL327618:JN327618 TH327618:TJ327618 ADD327618:ADF327618 AMZ327618:ANB327618 AWV327618:AWX327618 BGR327618:BGT327618 BQN327618:BQP327618 CAJ327618:CAL327618 CKF327618:CKH327618 CUB327618:CUD327618 DDX327618:DDZ327618 DNT327618:DNV327618 DXP327618:DXR327618 EHL327618:EHN327618 ERH327618:ERJ327618 FBD327618:FBF327618 FKZ327618:FLB327618 FUV327618:FUX327618 GER327618:GET327618 GON327618:GOP327618 GYJ327618:GYL327618 HIF327618:HIH327618 HSB327618:HSD327618 IBX327618:IBZ327618 ILT327618:ILV327618 IVP327618:IVR327618 JFL327618:JFN327618 JPH327618:JPJ327618 JZD327618:JZF327618 KIZ327618:KJB327618 KSV327618:KSX327618 LCR327618:LCT327618 LMN327618:LMP327618 LWJ327618:LWL327618 MGF327618:MGH327618 MQB327618:MQD327618 MZX327618:MZZ327618 NJT327618:NJV327618 NTP327618:NTR327618 ODL327618:ODN327618 ONH327618:ONJ327618 OXD327618:OXF327618 PGZ327618:PHB327618 PQV327618:PQX327618 QAR327618:QAT327618 QKN327618:QKP327618 QUJ327618:QUL327618 REF327618:REH327618 ROB327618:ROD327618 RXX327618:RXZ327618 SHT327618:SHV327618 SRP327618:SRR327618 TBL327618:TBN327618 TLH327618:TLJ327618 TVD327618:TVF327618 UEZ327618:UFB327618 UOV327618:UOX327618 UYR327618:UYT327618 VIN327618:VIP327618 VSJ327618:VSL327618 WCF327618:WCH327618 WMB327618:WMD327618 WVX327618:WVZ327618 P393149:R393149 JL393154:JN393154 TH393154:TJ393154 ADD393154:ADF393154 AMZ393154:ANB393154 AWV393154:AWX393154 BGR393154:BGT393154 BQN393154:BQP393154 CAJ393154:CAL393154 CKF393154:CKH393154 CUB393154:CUD393154 DDX393154:DDZ393154 DNT393154:DNV393154 DXP393154:DXR393154 EHL393154:EHN393154 ERH393154:ERJ393154 FBD393154:FBF393154 FKZ393154:FLB393154 FUV393154:FUX393154 GER393154:GET393154 GON393154:GOP393154 GYJ393154:GYL393154 HIF393154:HIH393154 HSB393154:HSD393154 IBX393154:IBZ393154 ILT393154:ILV393154 IVP393154:IVR393154 JFL393154:JFN393154 JPH393154:JPJ393154 JZD393154:JZF393154 KIZ393154:KJB393154 KSV393154:KSX393154 LCR393154:LCT393154 LMN393154:LMP393154 LWJ393154:LWL393154 MGF393154:MGH393154 MQB393154:MQD393154 MZX393154:MZZ393154 NJT393154:NJV393154 NTP393154:NTR393154 ODL393154:ODN393154 ONH393154:ONJ393154 OXD393154:OXF393154 PGZ393154:PHB393154 PQV393154:PQX393154 QAR393154:QAT393154 QKN393154:QKP393154 QUJ393154:QUL393154 REF393154:REH393154 ROB393154:ROD393154 RXX393154:RXZ393154 SHT393154:SHV393154 SRP393154:SRR393154 TBL393154:TBN393154 TLH393154:TLJ393154 TVD393154:TVF393154 UEZ393154:UFB393154 UOV393154:UOX393154 UYR393154:UYT393154 VIN393154:VIP393154 VSJ393154:VSL393154 WCF393154:WCH393154 WMB393154:WMD393154 WVX393154:WVZ393154 P458685:R458685 JL458690:JN458690 TH458690:TJ458690 ADD458690:ADF458690 AMZ458690:ANB458690 AWV458690:AWX458690 BGR458690:BGT458690 BQN458690:BQP458690 CAJ458690:CAL458690 CKF458690:CKH458690 CUB458690:CUD458690 DDX458690:DDZ458690 DNT458690:DNV458690 DXP458690:DXR458690 EHL458690:EHN458690 ERH458690:ERJ458690 FBD458690:FBF458690 FKZ458690:FLB458690 FUV458690:FUX458690 GER458690:GET458690 GON458690:GOP458690 GYJ458690:GYL458690 HIF458690:HIH458690 HSB458690:HSD458690 IBX458690:IBZ458690 ILT458690:ILV458690 IVP458690:IVR458690 JFL458690:JFN458690 JPH458690:JPJ458690 JZD458690:JZF458690 KIZ458690:KJB458690 KSV458690:KSX458690 LCR458690:LCT458690 LMN458690:LMP458690 LWJ458690:LWL458690 MGF458690:MGH458690 MQB458690:MQD458690 MZX458690:MZZ458690 NJT458690:NJV458690 NTP458690:NTR458690 ODL458690:ODN458690 ONH458690:ONJ458690 OXD458690:OXF458690 PGZ458690:PHB458690 PQV458690:PQX458690 QAR458690:QAT458690 QKN458690:QKP458690 QUJ458690:QUL458690 REF458690:REH458690 ROB458690:ROD458690 RXX458690:RXZ458690 SHT458690:SHV458690 SRP458690:SRR458690 TBL458690:TBN458690 TLH458690:TLJ458690 TVD458690:TVF458690 UEZ458690:UFB458690 UOV458690:UOX458690 UYR458690:UYT458690 VIN458690:VIP458690 VSJ458690:VSL458690 WCF458690:WCH458690 WMB458690:WMD458690 WVX458690:WVZ458690 P524221:R524221 JL524226:JN524226 TH524226:TJ524226 ADD524226:ADF524226 AMZ524226:ANB524226 AWV524226:AWX524226 BGR524226:BGT524226 BQN524226:BQP524226 CAJ524226:CAL524226 CKF524226:CKH524226 CUB524226:CUD524226 DDX524226:DDZ524226 DNT524226:DNV524226 DXP524226:DXR524226 EHL524226:EHN524226 ERH524226:ERJ524226 FBD524226:FBF524226 FKZ524226:FLB524226 FUV524226:FUX524226 GER524226:GET524226 GON524226:GOP524226 GYJ524226:GYL524226 HIF524226:HIH524226 HSB524226:HSD524226 IBX524226:IBZ524226 ILT524226:ILV524226 IVP524226:IVR524226 JFL524226:JFN524226 JPH524226:JPJ524226 JZD524226:JZF524226 KIZ524226:KJB524226 KSV524226:KSX524226 LCR524226:LCT524226 LMN524226:LMP524226 LWJ524226:LWL524226 MGF524226:MGH524226 MQB524226:MQD524226 MZX524226:MZZ524226 NJT524226:NJV524226 NTP524226:NTR524226 ODL524226:ODN524226 ONH524226:ONJ524226 OXD524226:OXF524226 PGZ524226:PHB524226 PQV524226:PQX524226 QAR524226:QAT524226 QKN524226:QKP524226 QUJ524226:QUL524226 REF524226:REH524226 ROB524226:ROD524226 RXX524226:RXZ524226 SHT524226:SHV524226 SRP524226:SRR524226 TBL524226:TBN524226 TLH524226:TLJ524226 TVD524226:TVF524226 UEZ524226:UFB524226 UOV524226:UOX524226 UYR524226:UYT524226 VIN524226:VIP524226 VSJ524226:VSL524226 WCF524226:WCH524226 WMB524226:WMD524226 WVX524226:WVZ524226 P589757:R589757 JL589762:JN589762 TH589762:TJ589762 ADD589762:ADF589762 AMZ589762:ANB589762 AWV589762:AWX589762 BGR589762:BGT589762 BQN589762:BQP589762 CAJ589762:CAL589762 CKF589762:CKH589762 CUB589762:CUD589762 DDX589762:DDZ589762 DNT589762:DNV589762 DXP589762:DXR589762 EHL589762:EHN589762 ERH589762:ERJ589762 FBD589762:FBF589762 FKZ589762:FLB589762 FUV589762:FUX589762 GER589762:GET589762 GON589762:GOP589762 GYJ589762:GYL589762 HIF589762:HIH589762 HSB589762:HSD589762 IBX589762:IBZ589762 ILT589762:ILV589762 IVP589762:IVR589762 JFL589762:JFN589762 JPH589762:JPJ589762 JZD589762:JZF589762 KIZ589762:KJB589762 KSV589762:KSX589762 LCR589762:LCT589762 LMN589762:LMP589762 LWJ589762:LWL589762 MGF589762:MGH589762 MQB589762:MQD589762 MZX589762:MZZ589762 NJT589762:NJV589762 NTP589762:NTR589762 ODL589762:ODN589762 ONH589762:ONJ589762 OXD589762:OXF589762 PGZ589762:PHB589762 PQV589762:PQX589762 QAR589762:QAT589762 QKN589762:QKP589762 QUJ589762:QUL589762 REF589762:REH589762 ROB589762:ROD589762 RXX589762:RXZ589762 SHT589762:SHV589762 SRP589762:SRR589762 TBL589762:TBN589762 TLH589762:TLJ589762 TVD589762:TVF589762 UEZ589762:UFB589762 UOV589762:UOX589762 UYR589762:UYT589762 VIN589762:VIP589762 VSJ589762:VSL589762 WCF589762:WCH589762 WMB589762:WMD589762 WVX589762:WVZ589762 P655293:R655293 JL655298:JN655298 TH655298:TJ655298 ADD655298:ADF655298 AMZ655298:ANB655298 AWV655298:AWX655298 BGR655298:BGT655298 BQN655298:BQP655298 CAJ655298:CAL655298 CKF655298:CKH655298 CUB655298:CUD655298 DDX655298:DDZ655298 DNT655298:DNV655298 DXP655298:DXR655298 EHL655298:EHN655298 ERH655298:ERJ655298 FBD655298:FBF655298 FKZ655298:FLB655298 FUV655298:FUX655298 GER655298:GET655298 GON655298:GOP655298 GYJ655298:GYL655298 HIF655298:HIH655298 HSB655298:HSD655298 IBX655298:IBZ655298 ILT655298:ILV655298 IVP655298:IVR655298 JFL655298:JFN655298 JPH655298:JPJ655298 JZD655298:JZF655298 KIZ655298:KJB655298 KSV655298:KSX655298 LCR655298:LCT655298 LMN655298:LMP655298 LWJ655298:LWL655298 MGF655298:MGH655298 MQB655298:MQD655298 MZX655298:MZZ655298 NJT655298:NJV655298 NTP655298:NTR655298 ODL655298:ODN655298 ONH655298:ONJ655298 OXD655298:OXF655298 PGZ655298:PHB655298 PQV655298:PQX655298 QAR655298:QAT655298 QKN655298:QKP655298 QUJ655298:QUL655298 REF655298:REH655298 ROB655298:ROD655298 RXX655298:RXZ655298 SHT655298:SHV655298 SRP655298:SRR655298 TBL655298:TBN655298 TLH655298:TLJ655298 TVD655298:TVF655298 UEZ655298:UFB655298 UOV655298:UOX655298 UYR655298:UYT655298 VIN655298:VIP655298 VSJ655298:VSL655298 WCF655298:WCH655298 WMB655298:WMD655298 WVX655298:WVZ655298 P720829:R720829 JL720834:JN720834 TH720834:TJ720834 ADD720834:ADF720834 AMZ720834:ANB720834 AWV720834:AWX720834 BGR720834:BGT720834 BQN720834:BQP720834 CAJ720834:CAL720834 CKF720834:CKH720834 CUB720834:CUD720834 DDX720834:DDZ720834 DNT720834:DNV720834 DXP720834:DXR720834 EHL720834:EHN720834 ERH720834:ERJ720834 FBD720834:FBF720834 FKZ720834:FLB720834 FUV720834:FUX720834 GER720834:GET720834 GON720834:GOP720834 GYJ720834:GYL720834 HIF720834:HIH720834 HSB720834:HSD720834 IBX720834:IBZ720834 ILT720834:ILV720834 IVP720834:IVR720834 JFL720834:JFN720834 JPH720834:JPJ720834 JZD720834:JZF720834 KIZ720834:KJB720834 KSV720834:KSX720834 LCR720834:LCT720834 LMN720834:LMP720834 LWJ720834:LWL720834 MGF720834:MGH720834 MQB720834:MQD720834 MZX720834:MZZ720834 NJT720834:NJV720834 NTP720834:NTR720834 ODL720834:ODN720834 ONH720834:ONJ720834 OXD720834:OXF720834 PGZ720834:PHB720834 PQV720834:PQX720834 QAR720834:QAT720834 QKN720834:QKP720834 QUJ720834:QUL720834 REF720834:REH720834 ROB720834:ROD720834 RXX720834:RXZ720834 SHT720834:SHV720834 SRP720834:SRR720834 TBL720834:TBN720834 TLH720834:TLJ720834 TVD720834:TVF720834 UEZ720834:UFB720834 UOV720834:UOX720834 UYR720834:UYT720834 VIN720834:VIP720834 VSJ720834:VSL720834 WCF720834:WCH720834 WMB720834:WMD720834 WVX720834:WVZ720834 P786365:R786365 JL786370:JN786370 TH786370:TJ786370 ADD786370:ADF786370 AMZ786370:ANB786370 AWV786370:AWX786370 BGR786370:BGT786370 BQN786370:BQP786370 CAJ786370:CAL786370 CKF786370:CKH786370 CUB786370:CUD786370 DDX786370:DDZ786370 DNT786370:DNV786370 DXP786370:DXR786370 EHL786370:EHN786370 ERH786370:ERJ786370 FBD786370:FBF786370 FKZ786370:FLB786370 FUV786370:FUX786370 GER786370:GET786370 GON786370:GOP786370 GYJ786370:GYL786370 HIF786370:HIH786370 HSB786370:HSD786370 IBX786370:IBZ786370 ILT786370:ILV786370 IVP786370:IVR786370 JFL786370:JFN786370 JPH786370:JPJ786370 JZD786370:JZF786370 KIZ786370:KJB786370 KSV786370:KSX786370 LCR786370:LCT786370 LMN786370:LMP786370 LWJ786370:LWL786370 MGF786370:MGH786370 MQB786370:MQD786370 MZX786370:MZZ786370 NJT786370:NJV786370 NTP786370:NTR786370 ODL786370:ODN786370 ONH786370:ONJ786370 OXD786370:OXF786370 PGZ786370:PHB786370 PQV786370:PQX786370 QAR786370:QAT786370 QKN786370:QKP786370 QUJ786370:QUL786370 REF786370:REH786370 ROB786370:ROD786370 RXX786370:RXZ786370 SHT786370:SHV786370 SRP786370:SRR786370 TBL786370:TBN786370 TLH786370:TLJ786370 TVD786370:TVF786370 UEZ786370:UFB786370 UOV786370:UOX786370 UYR786370:UYT786370 VIN786370:VIP786370 VSJ786370:VSL786370 WCF786370:WCH786370 WMB786370:WMD786370 WVX786370:WVZ786370 P851901:R851901 JL851906:JN851906 TH851906:TJ851906 ADD851906:ADF851906 AMZ851906:ANB851906 AWV851906:AWX851906 BGR851906:BGT851906 BQN851906:BQP851906 CAJ851906:CAL851906 CKF851906:CKH851906 CUB851906:CUD851906 DDX851906:DDZ851906 DNT851906:DNV851906 DXP851906:DXR851906 EHL851906:EHN851906 ERH851906:ERJ851906 FBD851906:FBF851906 FKZ851906:FLB851906 FUV851906:FUX851906 GER851906:GET851906 GON851906:GOP851906 GYJ851906:GYL851906 HIF851906:HIH851906 HSB851906:HSD851906 IBX851906:IBZ851906 ILT851906:ILV851906 IVP851906:IVR851906 JFL851906:JFN851906 JPH851906:JPJ851906 JZD851906:JZF851906 KIZ851906:KJB851906 KSV851906:KSX851906 LCR851906:LCT851906 LMN851906:LMP851906 LWJ851906:LWL851906 MGF851906:MGH851906 MQB851906:MQD851906 MZX851906:MZZ851906 NJT851906:NJV851906 NTP851906:NTR851906 ODL851906:ODN851906 ONH851906:ONJ851906 OXD851906:OXF851906 PGZ851906:PHB851906 PQV851906:PQX851906 QAR851906:QAT851906 QKN851906:QKP851906 QUJ851906:QUL851906 REF851906:REH851906 ROB851906:ROD851906 RXX851906:RXZ851906 SHT851906:SHV851906 SRP851906:SRR851906 TBL851906:TBN851906 TLH851906:TLJ851906 TVD851906:TVF851906 UEZ851906:UFB851906 UOV851906:UOX851906 UYR851906:UYT851906 VIN851906:VIP851906 VSJ851906:VSL851906 WCF851906:WCH851906 WMB851906:WMD851906 WVX851906:WVZ851906 P917437:R917437 JL917442:JN917442 TH917442:TJ917442 ADD917442:ADF917442 AMZ917442:ANB917442 AWV917442:AWX917442 BGR917442:BGT917442 BQN917442:BQP917442 CAJ917442:CAL917442 CKF917442:CKH917442 CUB917442:CUD917442 DDX917442:DDZ917442 DNT917442:DNV917442 DXP917442:DXR917442 EHL917442:EHN917442 ERH917442:ERJ917442 FBD917442:FBF917442 FKZ917442:FLB917442 FUV917442:FUX917442 GER917442:GET917442 GON917442:GOP917442 GYJ917442:GYL917442 HIF917442:HIH917442 HSB917442:HSD917442 IBX917442:IBZ917442 ILT917442:ILV917442 IVP917442:IVR917442 JFL917442:JFN917442 JPH917442:JPJ917442 JZD917442:JZF917442 KIZ917442:KJB917442 KSV917442:KSX917442 LCR917442:LCT917442 LMN917442:LMP917442 LWJ917442:LWL917442 MGF917442:MGH917442 MQB917442:MQD917442 MZX917442:MZZ917442 NJT917442:NJV917442 NTP917442:NTR917442 ODL917442:ODN917442 ONH917442:ONJ917442 OXD917442:OXF917442 PGZ917442:PHB917442 PQV917442:PQX917442 QAR917442:QAT917442 QKN917442:QKP917442 QUJ917442:QUL917442 REF917442:REH917442 ROB917442:ROD917442 RXX917442:RXZ917442 SHT917442:SHV917442 SRP917442:SRR917442 TBL917442:TBN917442 TLH917442:TLJ917442 TVD917442:TVF917442 UEZ917442:UFB917442 UOV917442:UOX917442 UYR917442:UYT917442 VIN917442:VIP917442 VSJ917442:VSL917442 WCF917442:WCH917442 WMB917442:WMD917442 WVX917442:WVZ917442 P982973:R982973 JL982978:JN982978 TH982978:TJ982978 ADD982978:ADF982978 AMZ982978:ANB982978 AWV982978:AWX982978 BGR982978:BGT982978 BQN982978:BQP982978 CAJ982978:CAL982978 CKF982978:CKH982978 CUB982978:CUD982978 DDX982978:DDZ982978 DNT982978:DNV982978 DXP982978:DXR982978 EHL982978:EHN982978 ERH982978:ERJ982978 FBD982978:FBF982978 FKZ982978:FLB982978 FUV982978:FUX982978 GER982978:GET982978 GON982978:GOP982978 GYJ982978:GYL982978 HIF982978:HIH982978 HSB982978:HSD982978 IBX982978:IBZ982978 ILT982978:ILV982978 IVP982978:IVR982978 JFL982978:JFN982978 JPH982978:JPJ982978 JZD982978:JZF982978 KIZ982978:KJB982978 KSV982978:KSX982978 LCR982978:LCT982978 LMN982978:LMP982978 LWJ982978:LWL982978 MGF982978:MGH982978 MQB982978:MQD982978 MZX982978:MZZ982978 NJT982978:NJV982978 NTP982978:NTR982978 ODL982978:ODN982978 ONH982978:ONJ982978 OXD982978:OXF982978 PGZ982978:PHB982978 PQV982978:PQX982978 QAR982978:QAT982978 QKN982978:QKP982978 QUJ982978:QUL982978 REF982978:REH982978 ROB982978:ROD982978 RXX982978:RXZ982978 SHT982978:SHV982978 SRP982978:SRR982978 TBL982978:TBN982978 TLH982978:TLJ982978 TVD982978:TVF982978 UEZ982978:UFB982978 UOV982978:UOX982978 UYR982978:UYT982978 VIN982978:VIP982978 VSJ982978:VSL982978 WCF982978:WCH982978 WMB982978:WMD982978 WVX982978:WVZ982978 AR65467:AT65467 KN65472:KP65472 UJ65472:UL65472 AEF65472:AEH65472 AOB65472:AOD65472 AXX65472:AXZ65472 BHT65472:BHV65472 BRP65472:BRR65472 CBL65472:CBN65472 CLH65472:CLJ65472 CVD65472:CVF65472 DEZ65472:DFB65472 DOV65472:DOX65472 DYR65472:DYT65472 EIN65472:EIP65472 ESJ65472:ESL65472 FCF65472:FCH65472 FMB65472:FMD65472 FVX65472:FVZ65472 GFT65472:GFV65472 GPP65472:GPR65472 GZL65472:GZN65472 HJH65472:HJJ65472 HTD65472:HTF65472 ICZ65472:IDB65472 IMV65472:IMX65472 IWR65472:IWT65472 JGN65472:JGP65472 JQJ65472:JQL65472 KAF65472:KAH65472 KKB65472:KKD65472 KTX65472:KTZ65472 LDT65472:LDV65472 LNP65472:LNR65472 LXL65472:LXN65472 MHH65472:MHJ65472 MRD65472:MRF65472 NAZ65472:NBB65472 NKV65472:NKX65472 NUR65472:NUT65472 OEN65472:OEP65472 OOJ65472:OOL65472 OYF65472:OYH65472 PIB65472:PID65472 PRX65472:PRZ65472 QBT65472:QBV65472 QLP65472:QLR65472 QVL65472:QVN65472 RFH65472:RFJ65472 RPD65472:RPF65472 RYZ65472:RZB65472 SIV65472:SIX65472 SSR65472:SST65472 TCN65472:TCP65472 TMJ65472:TML65472 TWF65472:TWH65472 UGB65472:UGD65472 UPX65472:UPZ65472 UZT65472:UZV65472 VJP65472:VJR65472 VTL65472:VTN65472 WDH65472:WDJ65472 WND65472:WNF65472 WWZ65472:WXB65472 AR131003:AT131003 KN131008:KP131008 UJ131008:UL131008 AEF131008:AEH131008 AOB131008:AOD131008 AXX131008:AXZ131008 BHT131008:BHV131008 BRP131008:BRR131008 CBL131008:CBN131008 CLH131008:CLJ131008 CVD131008:CVF131008 DEZ131008:DFB131008 DOV131008:DOX131008 DYR131008:DYT131008 EIN131008:EIP131008 ESJ131008:ESL131008 FCF131008:FCH131008 FMB131008:FMD131008 FVX131008:FVZ131008 GFT131008:GFV131008 GPP131008:GPR131008 GZL131008:GZN131008 HJH131008:HJJ131008 HTD131008:HTF131008 ICZ131008:IDB131008 IMV131008:IMX131008 IWR131008:IWT131008 JGN131008:JGP131008 JQJ131008:JQL131008 KAF131008:KAH131008 KKB131008:KKD131008 KTX131008:KTZ131008 LDT131008:LDV131008 LNP131008:LNR131008 LXL131008:LXN131008 MHH131008:MHJ131008 MRD131008:MRF131008 NAZ131008:NBB131008 NKV131008:NKX131008 NUR131008:NUT131008 OEN131008:OEP131008 OOJ131008:OOL131008 OYF131008:OYH131008 PIB131008:PID131008 PRX131008:PRZ131008 QBT131008:QBV131008 QLP131008:QLR131008 QVL131008:QVN131008 RFH131008:RFJ131008 RPD131008:RPF131008 RYZ131008:RZB131008 SIV131008:SIX131008 SSR131008:SST131008 TCN131008:TCP131008 TMJ131008:TML131008 TWF131008:TWH131008 UGB131008:UGD131008 UPX131008:UPZ131008 UZT131008:UZV131008 VJP131008:VJR131008 VTL131008:VTN131008 WDH131008:WDJ131008 WND131008:WNF131008 WWZ131008:WXB131008 AR196539:AT196539 KN196544:KP196544 UJ196544:UL196544 AEF196544:AEH196544 AOB196544:AOD196544 AXX196544:AXZ196544 BHT196544:BHV196544 BRP196544:BRR196544 CBL196544:CBN196544 CLH196544:CLJ196544 CVD196544:CVF196544 DEZ196544:DFB196544 DOV196544:DOX196544 DYR196544:DYT196544 EIN196544:EIP196544 ESJ196544:ESL196544 FCF196544:FCH196544 FMB196544:FMD196544 FVX196544:FVZ196544 GFT196544:GFV196544 GPP196544:GPR196544 GZL196544:GZN196544 HJH196544:HJJ196544 HTD196544:HTF196544 ICZ196544:IDB196544 IMV196544:IMX196544 IWR196544:IWT196544 JGN196544:JGP196544 JQJ196544:JQL196544 KAF196544:KAH196544 KKB196544:KKD196544 KTX196544:KTZ196544 LDT196544:LDV196544 LNP196544:LNR196544 LXL196544:LXN196544 MHH196544:MHJ196544 MRD196544:MRF196544 NAZ196544:NBB196544 NKV196544:NKX196544 NUR196544:NUT196544 OEN196544:OEP196544 OOJ196544:OOL196544 OYF196544:OYH196544 PIB196544:PID196544 PRX196544:PRZ196544 QBT196544:QBV196544 QLP196544:QLR196544 QVL196544:QVN196544 RFH196544:RFJ196544 RPD196544:RPF196544 RYZ196544:RZB196544 SIV196544:SIX196544 SSR196544:SST196544 TCN196544:TCP196544 TMJ196544:TML196544 TWF196544:TWH196544 UGB196544:UGD196544 UPX196544:UPZ196544 UZT196544:UZV196544 VJP196544:VJR196544 VTL196544:VTN196544 WDH196544:WDJ196544 WND196544:WNF196544 WWZ196544:WXB196544 AR262075:AT262075 KN262080:KP262080 UJ262080:UL262080 AEF262080:AEH262080 AOB262080:AOD262080 AXX262080:AXZ262080 BHT262080:BHV262080 BRP262080:BRR262080 CBL262080:CBN262080 CLH262080:CLJ262080 CVD262080:CVF262080 DEZ262080:DFB262080 DOV262080:DOX262080 DYR262080:DYT262080 EIN262080:EIP262080 ESJ262080:ESL262080 FCF262080:FCH262080 FMB262080:FMD262080 FVX262080:FVZ262080 GFT262080:GFV262080 GPP262080:GPR262080 GZL262080:GZN262080 HJH262080:HJJ262080 HTD262080:HTF262080 ICZ262080:IDB262080 IMV262080:IMX262080 IWR262080:IWT262080 JGN262080:JGP262080 JQJ262080:JQL262080 KAF262080:KAH262080 KKB262080:KKD262080 KTX262080:KTZ262080 LDT262080:LDV262080 LNP262080:LNR262080 LXL262080:LXN262080 MHH262080:MHJ262080 MRD262080:MRF262080 NAZ262080:NBB262080 NKV262080:NKX262080 NUR262080:NUT262080 OEN262080:OEP262080 OOJ262080:OOL262080 OYF262080:OYH262080 PIB262080:PID262080 PRX262080:PRZ262080 QBT262080:QBV262080 QLP262080:QLR262080 QVL262080:QVN262080 RFH262080:RFJ262080 RPD262080:RPF262080 RYZ262080:RZB262080 SIV262080:SIX262080 SSR262080:SST262080 TCN262080:TCP262080 TMJ262080:TML262080 TWF262080:TWH262080 UGB262080:UGD262080 UPX262080:UPZ262080 UZT262080:UZV262080 VJP262080:VJR262080 VTL262080:VTN262080 WDH262080:WDJ262080 WND262080:WNF262080 WWZ262080:WXB262080 AR327611:AT327611 KN327616:KP327616 UJ327616:UL327616 AEF327616:AEH327616 AOB327616:AOD327616 AXX327616:AXZ327616 BHT327616:BHV327616 BRP327616:BRR327616 CBL327616:CBN327616 CLH327616:CLJ327616 CVD327616:CVF327616 DEZ327616:DFB327616 DOV327616:DOX327616 DYR327616:DYT327616 EIN327616:EIP327616 ESJ327616:ESL327616 FCF327616:FCH327616 FMB327616:FMD327616 FVX327616:FVZ327616 GFT327616:GFV327616 GPP327616:GPR327616 GZL327616:GZN327616 HJH327616:HJJ327616 HTD327616:HTF327616 ICZ327616:IDB327616 IMV327616:IMX327616 IWR327616:IWT327616 JGN327616:JGP327616 JQJ327616:JQL327616 KAF327616:KAH327616 KKB327616:KKD327616 KTX327616:KTZ327616 LDT327616:LDV327616 LNP327616:LNR327616 LXL327616:LXN327616 MHH327616:MHJ327616 MRD327616:MRF327616 NAZ327616:NBB327616 NKV327616:NKX327616 NUR327616:NUT327616 OEN327616:OEP327616 OOJ327616:OOL327616 OYF327616:OYH327616 PIB327616:PID327616 PRX327616:PRZ327616 QBT327616:QBV327616 QLP327616:QLR327616 QVL327616:QVN327616 RFH327616:RFJ327616 RPD327616:RPF327616 RYZ327616:RZB327616 SIV327616:SIX327616 SSR327616:SST327616 TCN327616:TCP327616 TMJ327616:TML327616 TWF327616:TWH327616 UGB327616:UGD327616 UPX327616:UPZ327616 UZT327616:UZV327616 VJP327616:VJR327616 VTL327616:VTN327616 WDH327616:WDJ327616 WND327616:WNF327616 WWZ327616:WXB327616 AR393147:AT393147 KN393152:KP393152 UJ393152:UL393152 AEF393152:AEH393152 AOB393152:AOD393152 AXX393152:AXZ393152 BHT393152:BHV393152 BRP393152:BRR393152 CBL393152:CBN393152 CLH393152:CLJ393152 CVD393152:CVF393152 DEZ393152:DFB393152 DOV393152:DOX393152 DYR393152:DYT393152 EIN393152:EIP393152 ESJ393152:ESL393152 FCF393152:FCH393152 FMB393152:FMD393152 FVX393152:FVZ393152 GFT393152:GFV393152 GPP393152:GPR393152 GZL393152:GZN393152 HJH393152:HJJ393152 HTD393152:HTF393152 ICZ393152:IDB393152 IMV393152:IMX393152 IWR393152:IWT393152 JGN393152:JGP393152 JQJ393152:JQL393152 KAF393152:KAH393152 KKB393152:KKD393152 KTX393152:KTZ393152 LDT393152:LDV393152 LNP393152:LNR393152 LXL393152:LXN393152 MHH393152:MHJ393152 MRD393152:MRF393152 NAZ393152:NBB393152 NKV393152:NKX393152 NUR393152:NUT393152 OEN393152:OEP393152 OOJ393152:OOL393152 OYF393152:OYH393152 PIB393152:PID393152 PRX393152:PRZ393152 QBT393152:QBV393152 QLP393152:QLR393152 QVL393152:QVN393152 RFH393152:RFJ393152 RPD393152:RPF393152 RYZ393152:RZB393152 SIV393152:SIX393152 SSR393152:SST393152 TCN393152:TCP393152 TMJ393152:TML393152 TWF393152:TWH393152 UGB393152:UGD393152 UPX393152:UPZ393152 UZT393152:UZV393152 VJP393152:VJR393152 VTL393152:VTN393152 WDH393152:WDJ393152 WND393152:WNF393152 WWZ393152:WXB393152 AR458683:AT458683 KN458688:KP458688 UJ458688:UL458688 AEF458688:AEH458688 AOB458688:AOD458688 AXX458688:AXZ458688 BHT458688:BHV458688 BRP458688:BRR458688 CBL458688:CBN458688 CLH458688:CLJ458688 CVD458688:CVF458688 DEZ458688:DFB458688 DOV458688:DOX458688 DYR458688:DYT458688 EIN458688:EIP458688 ESJ458688:ESL458688 FCF458688:FCH458688 FMB458688:FMD458688 FVX458688:FVZ458688 GFT458688:GFV458688 GPP458688:GPR458688 GZL458688:GZN458688 HJH458688:HJJ458688 HTD458688:HTF458688 ICZ458688:IDB458688 IMV458688:IMX458688 IWR458688:IWT458688 JGN458688:JGP458688 JQJ458688:JQL458688 KAF458688:KAH458688 KKB458688:KKD458688 KTX458688:KTZ458688 LDT458688:LDV458688 LNP458688:LNR458688 LXL458688:LXN458688 MHH458688:MHJ458688 MRD458688:MRF458688 NAZ458688:NBB458688 NKV458688:NKX458688 NUR458688:NUT458688 OEN458688:OEP458688 OOJ458688:OOL458688 OYF458688:OYH458688 PIB458688:PID458688 PRX458688:PRZ458688 QBT458688:QBV458688 QLP458688:QLR458688 QVL458688:QVN458688 RFH458688:RFJ458688 RPD458688:RPF458688 RYZ458688:RZB458688 SIV458688:SIX458688 SSR458688:SST458688 TCN458688:TCP458688 TMJ458688:TML458688 TWF458688:TWH458688 UGB458688:UGD458688 UPX458688:UPZ458688 UZT458688:UZV458688 VJP458688:VJR458688 VTL458688:VTN458688 WDH458688:WDJ458688 WND458688:WNF458688 WWZ458688:WXB458688 AR524219:AT524219 KN524224:KP524224 UJ524224:UL524224 AEF524224:AEH524224 AOB524224:AOD524224 AXX524224:AXZ524224 BHT524224:BHV524224 BRP524224:BRR524224 CBL524224:CBN524224 CLH524224:CLJ524224 CVD524224:CVF524224 DEZ524224:DFB524224 DOV524224:DOX524224 DYR524224:DYT524224 EIN524224:EIP524224 ESJ524224:ESL524224 FCF524224:FCH524224 FMB524224:FMD524224 FVX524224:FVZ524224 GFT524224:GFV524224 GPP524224:GPR524224 GZL524224:GZN524224 HJH524224:HJJ524224 HTD524224:HTF524224 ICZ524224:IDB524224 IMV524224:IMX524224 IWR524224:IWT524224 JGN524224:JGP524224 JQJ524224:JQL524224 KAF524224:KAH524224 KKB524224:KKD524224 KTX524224:KTZ524224 LDT524224:LDV524224 LNP524224:LNR524224 LXL524224:LXN524224 MHH524224:MHJ524224 MRD524224:MRF524224 NAZ524224:NBB524224 NKV524224:NKX524224 NUR524224:NUT524224 OEN524224:OEP524224 OOJ524224:OOL524224 OYF524224:OYH524224 PIB524224:PID524224 PRX524224:PRZ524224 QBT524224:QBV524224 QLP524224:QLR524224 QVL524224:QVN524224 RFH524224:RFJ524224 RPD524224:RPF524224 RYZ524224:RZB524224 SIV524224:SIX524224 SSR524224:SST524224 TCN524224:TCP524224 TMJ524224:TML524224 TWF524224:TWH524224 UGB524224:UGD524224 UPX524224:UPZ524224 UZT524224:UZV524224 VJP524224:VJR524224 VTL524224:VTN524224 WDH524224:WDJ524224 WND524224:WNF524224 WWZ524224:WXB524224 AR589755:AT589755 KN589760:KP589760 UJ589760:UL589760 AEF589760:AEH589760 AOB589760:AOD589760 AXX589760:AXZ589760 BHT589760:BHV589760 BRP589760:BRR589760 CBL589760:CBN589760 CLH589760:CLJ589760 CVD589760:CVF589760 DEZ589760:DFB589760 DOV589760:DOX589760 DYR589760:DYT589760 EIN589760:EIP589760 ESJ589760:ESL589760 FCF589760:FCH589760 FMB589760:FMD589760 FVX589760:FVZ589760 GFT589760:GFV589760 GPP589760:GPR589760 GZL589760:GZN589760 HJH589760:HJJ589760 HTD589760:HTF589760 ICZ589760:IDB589760 IMV589760:IMX589760 IWR589760:IWT589760 JGN589760:JGP589760 JQJ589760:JQL589760 KAF589760:KAH589760 KKB589760:KKD589760 KTX589760:KTZ589760 LDT589760:LDV589760 LNP589760:LNR589760 LXL589760:LXN589760 MHH589760:MHJ589760 MRD589760:MRF589760 NAZ589760:NBB589760 NKV589760:NKX589760 NUR589760:NUT589760 OEN589760:OEP589760 OOJ589760:OOL589760 OYF589760:OYH589760 PIB589760:PID589760 PRX589760:PRZ589760 QBT589760:QBV589760 QLP589760:QLR589760 QVL589760:QVN589760 RFH589760:RFJ589760 RPD589760:RPF589760 RYZ589760:RZB589760 SIV589760:SIX589760 SSR589760:SST589760 TCN589760:TCP589760 TMJ589760:TML589760 TWF589760:TWH589760 UGB589760:UGD589760 UPX589760:UPZ589760 UZT589760:UZV589760 VJP589760:VJR589760 VTL589760:VTN589760 WDH589760:WDJ589760 WND589760:WNF589760 WWZ589760:WXB589760 AR655291:AT655291 KN655296:KP655296 UJ655296:UL655296 AEF655296:AEH655296 AOB655296:AOD655296 AXX655296:AXZ655296 BHT655296:BHV655296 BRP655296:BRR655296 CBL655296:CBN655296 CLH655296:CLJ655296 CVD655296:CVF655296 DEZ655296:DFB655296 DOV655296:DOX655296 DYR655296:DYT655296 EIN655296:EIP655296 ESJ655296:ESL655296 FCF655296:FCH655296 FMB655296:FMD655296 FVX655296:FVZ655296 GFT655296:GFV655296 GPP655296:GPR655296 GZL655296:GZN655296 HJH655296:HJJ655296 HTD655296:HTF655296 ICZ655296:IDB655296 IMV655296:IMX655296 IWR655296:IWT655296 JGN655296:JGP655296 JQJ655296:JQL655296 KAF655296:KAH655296 KKB655296:KKD655296 KTX655296:KTZ655296 LDT655296:LDV655296 LNP655296:LNR655296 LXL655296:LXN655296 MHH655296:MHJ655296 MRD655296:MRF655296 NAZ655296:NBB655296 NKV655296:NKX655296 NUR655296:NUT655296 OEN655296:OEP655296 OOJ655296:OOL655296 OYF655296:OYH655296 PIB655296:PID655296 PRX655296:PRZ655296 QBT655296:QBV655296 QLP655296:QLR655296 QVL655296:QVN655296 RFH655296:RFJ655296 RPD655296:RPF655296 RYZ655296:RZB655296 SIV655296:SIX655296 SSR655296:SST655296 TCN655296:TCP655296 TMJ655296:TML655296 TWF655296:TWH655296 UGB655296:UGD655296 UPX655296:UPZ655296 UZT655296:UZV655296 VJP655296:VJR655296 VTL655296:VTN655296 WDH655296:WDJ655296 WND655296:WNF655296 WWZ655296:WXB655296 AR720827:AT720827 KN720832:KP720832 UJ720832:UL720832 AEF720832:AEH720832 AOB720832:AOD720832 AXX720832:AXZ720832 BHT720832:BHV720832 BRP720832:BRR720832 CBL720832:CBN720832 CLH720832:CLJ720832 CVD720832:CVF720832 DEZ720832:DFB720832 DOV720832:DOX720832 DYR720832:DYT720832 EIN720832:EIP720832 ESJ720832:ESL720832 FCF720832:FCH720832 FMB720832:FMD720832 FVX720832:FVZ720832 GFT720832:GFV720832 GPP720832:GPR720832 GZL720832:GZN720832 HJH720832:HJJ720832 HTD720832:HTF720832 ICZ720832:IDB720832 IMV720832:IMX720832 IWR720832:IWT720832 JGN720832:JGP720832 JQJ720832:JQL720832 KAF720832:KAH720832 KKB720832:KKD720832 KTX720832:KTZ720832 LDT720832:LDV720832 LNP720832:LNR720832 LXL720832:LXN720832 MHH720832:MHJ720832 MRD720832:MRF720832 NAZ720832:NBB720832 NKV720832:NKX720832 NUR720832:NUT720832 OEN720832:OEP720832 OOJ720832:OOL720832 OYF720832:OYH720832 PIB720832:PID720832 PRX720832:PRZ720832 QBT720832:QBV720832 QLP720832:QLR720832 QVL720832:QVN720832 RFH720832:RFJ720832 RPD720832:RPF720832 RYZ720832:RZB720832 SIV720832:SIX720832 SSR720832:SST720832 TCN720832:TCP720832 TMJ720832:TML720832 TWF720832:TWH720832 UGB720832:UGD720832 UPX720832:UPZ720832 UZT720832:UZV720832 VJP720832:VJR720832 VTL720832:VTN720832 WDH720832:WDJ720832 WND720832:WNF720832 WWZ720832:WXB720832 AR786363:AT786363 KN786368:KP786368 UJ786368:UL786368 AEF786368:AEH786368 AOB786368:AOD786368 AXX786368:AXZ786368 BHT786368:BHV786368 BRP786368:BRR786368 CBL786368:CBN786368 CLH786368:CLJ786368 CVD786368:CVF786368 DEZ786368:DFB786368 DOV786368:DOX786368 DYR786368:DYT786368 EIN786368:EIP786368 ESJ786368:ESL786368 FCF786368:FCH786368 FMB786368:FMD786368 FVX786368:FVZ786368 GFT786368:GFV786368 GPP786368:GPR786368 GZL786368:GZN786368 HJH786368:HJJ786368 HTD786368:HTF786368 ICZ786368:IDB786368 IMV786368:IMX786368 IWR786368:IWT786368 JGN786368:JGP786368 JQJ786368:JQL786368 KAF786368:KAH786368 KKB786368:KKD786368 KTX786368:KTZ786368 LDT786368:LDV786368 LNP786368:LNR786368 LXL786368:LXN786368 MHH786368:MHJ786368 MRD786368:MRF786368 NAZ786368:NBB786368 NKV786368:NKX786368 NUR786368:NUT786368 OEN786368:OEP786368 OOJ786368:OOL786368 OYF786368:OYH786368 PIB786368:PID786368 PRX786368:PRZ786368 QBT786368:QBV786368 QLP786368:QLR786368 QVL786368:QVN786368 RFH786368:RFJ786368 RPD786368:RPF786368 RYZ786368:RZB786368 SIV786368:SIX786368 SSR786368:SST786368 TCN786368:TCP786368 TMJ786368:TML786368 TWF786368:TWH786368 UGB786368:UGD786368 UPX786368:UPZ786368 UZT786368:UZV786368 VJP786368:VJR786368 VTL786368:VTN786368 WDH786368:WDJ786368 WND786368:WNF786368 WWZ786368:WXB786368 AR851899:AT851899 KN851904:KP851904 UJ851904:UL851904 AEF851904:AEH851904 AOB851904:AOD851904 AXX851904:AXZ851904 BHT851904:BHV851904 BRP851904:BRR851904 CBL851904:CBN851904 CLH851904:CLJ851904 CVD851904:CVF851904 DEZ851904:DFB851904 DOV851904:DOX851904 DYR851904:DYT851904 EIN851904:EIP851904 ESJ851904:ESL851904 FCF851904:FCH851904 FMB851904:FMD851904 FVX851904:FVZ851904 GFT851904:GFV851904 GPP851904:GPR851904 GZL851904:GZN851904 HJH851904:HJJ851904 HTD851904:HTF851904 ICZ851904:IDB851904 IMV851904:IMX851904 IWR851904:IWT851904 JGN851904:JGP851904 JQJ851904:JQL851904 KAF851904:KAH851904 KKB851904:KKD851904 KTX851904:KTZ851904 LDT851904:LDV851904 LNP851904:LNR851904 LXL851904:LXN851904 MHH851904:MHJ851904 MRD851904:MRF851904 NAZ851904:NBB851904 NKV851904:NKX851904 NUR851904:NUT851904 OEN851904:OEP851904 OOJ851904:OOL851904 OYF851904:OYH851904 PIB851904:PID851904 PRX851904:PRZ851904 QBT851904:QBV851904 QLP851904:QLR851904 QVL851904:QVN851904 RFH851904:RFJ851904 RPD851904:RPF851904 RYZ851904:RZB851904 SIV851904:SIX851904 SSR851904:SST851904 TCN851904:TCP851904 TMJ851904:TML851904 TWF851904:TWH851904 UGB851904:UGD851904 UPX851904:UPZ851904 UZT851904:UZV851904 VJP851904:VJR851904 VTL851904:VTN851904 WDH851904:WDJ851904 WND851904:WNF851904 WWZ851904:WXB851904 AR917435:AT917435 KN917440:KP917440 UJ917440:UL917440 AEF917440:AEH917440 AOB917440:AOD917440 AXX917440:AXZ917440 BHT917440:BHV917440 BRP917440:BRR917440 CBL917440:CBN917440 CLH917440:CLJ917440 CVD917440:CVF917440 DEZ917440:DFB917440 DOV917440:DOX917440 DYR917440:DYT917440 EIN917440:EIP917440 ESJ917440:ESL917440 FCF917440:FCH917440 FMB917440:FMD917440 FVX917440:FVZ917440 GFT917440:GFV917440 GPP917440:GPR917440 GZL917440:GZN917440 HJH917440:HJJ917440 HTD917440:HTF917440 ICZ917440:IDB917440 IMV917440:IMX917440 IWR917440:IWT917440 JGN917440:JGP917440 JQJ917440:JQL917440 KAF917440:KAH917440 KKB917440:KKD917440 KTX917440:KTZ917440 LDT917440:LDV917440 LNP917440:LNR917440 LXL917440:LXN917440 MHH917440:MHJ917440 MRD917440:MRF917440 NAZ917440:NBB917440 NKV917440:NKX917440 NUR917440:NUT917440 OEN917440:OEP917440 OOJ917440:OOL917440 OYF917440:OYH917440 PIB917440:PID917440 PRX917440:PRZ917440 QBT917440:QBV917440 QLP917440:QLR917440 QVL917440:QVN917440 RFH917440:RFJ917440 RPD917440:RPF917440 RYZ917440:RZB917440 SIV917440:SIX917440 SSR917440:SST917440 TCN917440:TCP917440 TMJ917440:TML917440 TWF917440:TWH917440 UGB917440:UGD917440 UPX917440:UPZ917440 UZT917440:UZV917440 VJP917440:VJR917440 VTL917440:VTN917440 WDH917440:WDJ917440 WND917440:WNF917440 WWZ917440:WXB917440 AR982971:AT982971 KN982976:KP982976 UJ982976:UL982976 AEF982976:AEH982976 AOB982976:AOD982976 AXX982976:AXZ982976 BHT982976:BHV982976 BRP982976:BRR982976 CBL982976:CBN982976 CLH982976:CLJ982976 CVD982976:CVF982976 DEZ982976:DFB982976 DOV982976:DOX982976 DYR982976:DYT982976 EIN982976:EIP982976 ESJ982976:ESL982976 FCF982976:FCH982976 FMB982976:FMD982976 FVX982976:FVZ982976 GFT982976:GFV982976 GPP982976:GPR982976 GZL982976:GZN982976 HJH982976:HJJ982976 HTD982976:HTF982976 ICZ982976:IDB982976 IMV982976:IMX982976 IWR982976:IWT982976 JGN982976:JGP982976 JQJ982976:JQL982976 KAF982976:KAH982976 KKB982976:KKD982976 KTX982976:KTZ982976 LDT982976:LDV982976 LNP982976:LNR982976 LXL982976:LXN982976 MHH982976:MHJ982976 MRD982976:MRF982976 NAZ982976:NBB982976 NKV982976:NKX982976 NUR982976:NUT982976 OEN982976:OEP982976 OOJ982976:OOL982976 OYF982976:OYH982976 PIB982976:PID982976 PRX982976:PRZ982976 QBT982976:QBV982976 QLP982976:QLR982976 QVL982976:QVN982976 RFH982976:RFJ982976 RPD982976:RPF982976 RYZ982976:RZB982976 SIV982976:SIX982976 SSR982976:SST982976 TCN982976:TCP982976 TMJ982976:TML982976 TWF982976:TWH982976 UGB982976:UGD982976 UPX982976:UPZ982976 UZT982976:UZV982976 VJP982976:VJR982976 VTL982976:VTN982976 WDH982976:WDJ982976 WND982976:WNF982976 WWZ982976:WXB982976 AR65465:AT65465 KN65470:KP65470 UJ65470:UL65470 AEF65470:AEH65470 AOB65470:AOD65470 AXX65470:AXZ65470 BHT65470:BHV65470 BRP65470:BRR65470 CBL65470:CBN65470 CLH65470:CLJ65470 CVD65470:CVF65470 DEZ65470:DFB65470 DOV65470:DOX65470 DYR65470:DYT65470 EIN65470:EIP65470 ESJ65470:ESL65470 FCF65470:FCH65470 FMB65470:FMD65470 FVX65470:FVZ65470 GFT65470:GFV65470 GPP65470:GPR65470 GZL65470:GZN65470 HJH65470:HJJ65470 HTD65470:HTF65470 ICZ65470:IDB65470 IMV65470:IMX65470 IWR65470:IWT65470 JGN65470:JGP65470 JQJ65470:JQL65470 KAF65470:KAH65470 KKB65470:KKD65470 KTX65470:KTZ65470 LDT65470:LDV65470 LNP65470:LNR65470 LXL65470:LXN65470 MHH65470:MHJ65470 MRD65470:MRF65470 NAZ65470:NBB65470 NKV65470:NKX65470 NUR65470:NUT65470 OEN65470:OEP65470 OOJ65470:OOL65470 OYF65470:OYH65470 PIB65470:PID65470 PRX65470:PRZ65470 QBT65470:QBV65470 QLP65470:QLR65470 QVL65470:QVN65470 RFH65470:RFJ65470 RPD65470:RPF65470 RYZ65470:RZB65470 SIV65470:SIX65470 SSR65470:SST65470 TCN65470:TCP65470 TMJ65470:TML65470 TWF65470:TWH65470 UGB65470:UGD65470 UPX65470:UPZ65470 UZT65470:UZV65470 VJP65470:VJR65470 VTL65470:VTN65470 WDH65470:WDJ65470 WND65470:WNF65470 WWZ65470:WXB65470 AR131001:AT131001 KN131006:KP131006 UJ131006:UL131006 AEF131006:AEH131006 AOB131006:AOD131006 AXX131006:AXZ131006 BHT131006:BHV131006 BRP131006:BRR131006 CBL131006:CBN131006 CLH131006:CLJ131006 CVD131006:CVF131006 DEZ131006:DFB131006 DOV131006:DOX131006 DYR131006:DYT131006 EIN131006:EIP131006 ESJ131006:ESL131006 FCF131006:FCH131006 FMB131006:FMD131006 FVX131006:FVZ131006 GFT131006:GFV131006 GPP131006:GPR131006 GZL131006:GZN131006 HJH131006:HJJ131006 HTD131006:HTF131006 ICZ131006:IDB131006 IMV131006:IMX131006 IWR131006:IWT131006 JGN131006:JGP131006 JQJ131006:JQL131006 KAF131006:KAH131006 KKB131006:KKD131006 KTX131006:KTZ131006 LDT131006:LDV131006 LNP131006:LNR131006 LXL131006:LXN131006 MHH131006:MHJ131006 MRD131006:MRF131006 NAZ131006:NBB131006 NKV131006:NKX131006 NUR131006:NUT131006 OEN131006:OEP131006 OOJ131006:OOL131006 OYF131006:OYH131006 PIB131006:PID131006 PRX131006:PRZ131006 QBT131006:QBV131006 QLP131006:QLR131006 QVL131006:QVN131006 RFH131006:RFJ131006 RPD131006:RPF131006 RYZ131006:RZB131006 SIV131006:SIX131006 SSR131006:SST131006 TCN131006:TCP131006 TMJ131006:TML131006 TWF131006:TWH131006 UGB131006:UGD131006 UPX131006:UPZ131006 UZT131006:UZV131006 VJP131006:VJR131006 VTL131006:VTN131006 WDH131006:WDJ131006 WND131006:WNF131006 WWZ131006:WXB131006 AR196537:AT196537 KN196542:KP196542 UJ196542:UL196542 AEF196542:AEH196542 AOB196542:AOD196542 AXX196542:AXZ196542 BHT196542:BHV196542 BRP196542:BRR196542 CBL196542:CBN196542 CLH196542:CLJ196542 CVD196542:CVF196542 DEZ196542:DFB196542 DOV196542:DOX196542 DYR196542:DYT196542 EIN196542:EIP196542 ESJ196542:ESL196542 FCF196542:FCH196542 FMB196542:FMD196542 FVX196542:FVZ196542 GFT196542:GFV196542 GPP196542:GPR196542 GZL196542:GZN196542 HJH196542:HJJ196542 HTD196542:HTF196542 ICZ196542:IDB196542 IMV196542:IMX196542 IWR196542:IWT196542 JGN196542:JGP196542 JQJ196542:JQL196542 KAF196542:KAH196542 KKB196542:KKD196542 KTX196542:KTZ196542 LDT196542:LDV196542 LNP196542:LNR196542 LXL196542:LXN196542 MHH196542:MHJ196542 MRD196542:MRF196542 NAZ196542:NBB196542 NKV196542:NKX196542 NUR196542:NUT196542 OEN196542:OEP196542 OOJ196542:OOL196542 OYF196542:OYH196542 PIB196542:PID196542 PRX196542:PRZ196542 QBT196542:QBV196542 QLP196542:QLR196542 QVL196542:QVN196542 RFH196542:RFJ196542 RPD196542:RPF196542 RYZ196542:RZB196542 SIV196542:SIX196542 SSR196542:SST196542 TCN196542:TCP196542 TMJ196542:TML196542 TWF196542:TWH196542 UGB196542:UGD196542 UPX196542:UPZ196542 UZT196542:UZV196542 VJP196542:VJR196542 VTL196542:VTN196542 WDH196542:WDJ196542 WND196542:WNF196542 WWZ196542:WXB196542 AR262073:AT262073 KN262078:KP262078 UJ262078:UL262078 AEF262078:AEH262078 AOB262078:AOD262078 AXX262078:AXZ262078 BHT262078:BHV262078 BRP262078:BRR262078 CBL262078:CBN262078 CLH262078:CLJ262078 CVD262078:CVF262078 DEZ262078:DFB262078 DOV262078:DOX262078 DYR262078:DYT262078 EIN262078:EIP262078 ESJ262078:ESL262078 FCF262078:FCH262078 FMB262078:FMD262078 FVX262078:FVZ262078 GFT262078:GFV262078 GPP262078:GPR262078 GZL262078:GZN262078 HJH262078:HJJ262078 HTD262078:HTF262078 ICZ262078:IDB262078 IMV262078:IMX262078 IWR262078:IWT262078 JGN262078:JGP262078 JQJ262078:JQL262078 KAF262078:KAH262078 KKB262078:KKD262078 KTX262078:KTZ262078 LDT262078:LDV262078 LNP262078:LNR262078 LXL262078:LXN262078 MHH262078:MHJ262078 MRD262078:MRF262078 NAZ262078:NBB262078 NKV262078:NKX262078 NUR262078:NUT262078 OEN262078:OEP262078 OOJ262078:OOL262078 OYF262078:OYH262078 PIB262078:PID262078 PRX262078:PRZ262078 QBT262078:QBV262078 QLP262078:QLR262078 QVL262078:QVN262078 RFH262078:RFJ262078 RPD262078:RPF262078 RYZ262078:RZB262078 SIV262078:SIX262078 SSR262078:SST262078 TCN262078:TCP262078 TMJ262078:TML262078 TWF262078:TWH262078 UGB262078:UGD262078 UPX262078:UPZ262078 UZT262078:UZV262078 VJP262078:VJR262078 VTL262078:VTN262078 WDH262078:WDJ262078 WND262078:WNF262078 WWZ262078:WXB262078 AR327609:AT327609 KN327614:KP327614 UJ327614:UL327614 AEF327614:AEH327614 AOB327614:AOD327614 AXX327614:AXZ327614 BHT327614:BHV327614 BRP327614:BRR327614 CBL327614:CBN327614 CLH327614:CLJ327614 CVD327614:CVF327614 DEZ327614:DFB327614 DOV327614:DOX327614 DYR327614:DYT327614 EIN327614:EIP327614 ESJ327614:ESL327614 FCF327614:FCH327614 FMB327614:FMD327614 FVX327614:FVZ327614 GFT327614:GFV327614 GPP327614:GPR327614 GZL327614:GZN327614 HJH327614:HJJ327614 HTD327614:HTF327614 ICZ327614:IDB327614 IMV327614:IMX327614 IWR327614:IWT327614 JGN327614:JGP327614 JQJ327614:JQL327614 KAF327614:KAH327614 KKB327614:KKD327614 KTX327614:KTZ327614 LDT327614:LDV327614 LNP327614:LNR327614 LXL327614:LXN327614 MHH327614:MHJ327614 MRD327614:MRF327614 NAZ327614:NBB327614 NKV327614:NKX327614 NUR327614:NUT327614 OEN327614:OEP327614 OOJ327614:OOL327614 OYF327614:OYH327614 PIB327614:PID327614 PRX327614:PRZ327614 QBT327614:QBV327614 QLP327614:QLR327614 QVL327614:QVN327614 RFH327614:RFJ327614 RPD327614:RPF327614 RYZ327614:RZB327614 SIV327614:SIX327614 SSR327614:SST327614 TCN327614:TCP327614 TMJ327614:TML327614 TWF327614:TWH327614 UGB327614:UGD327614 UPX327614:UPZ327614 UZT327614:UZV327614 VJP327614:VJR327614 VTL327614:VTN327614 WDH327614:WDJ327614 WND327614:WNF327614 WWZ327614:WXB327614 AR393145:AT393145 KN393150:KP393150 UJ393150:UL393150 AEF393150:AEH393150 AOB393150:AOD393150 AXX393150:AXZ393150 BHT393150:BHV393150 BRP393150:BRR393150 CBL393150:CBN393150 CLH393150:CLJ393150 CVD393150:CVF393150 DEZ393150:DFB393150 DOV393150:DOX393150 DYR393150:DYT393150 EIN393150:EIP393150 ESJ393150:ESL393150 FCF393150:FCH393150 FMB393150:FMD393150 FVX393150:FVZ393150 GFT393150:GFV393150 GPP393150:GPR393150 GZL393150:GZN393150 HJH393150:HJJ393150 HTD393150:HTF393150 ICZ393150:IDB393150 IMV393150:IMX393150 IWR393150:IWT393150 JGN393150:JGP393150 JQJ393150:JQL393150 KAF393150:KAH393150 KKB393150:KKD393150 KTX393150:KTZ393150 LDT393150:LDV393150 LNP393150:LNR393150 LXL393150:LXN393150 MHH393150:MHJ393150 MRD393150:MRF393150 NAZ393150:NBB393150 NKV393150:NKX393150 NUR393150:NUT393150 OEN393150:OEP393150 OOJ393150:OOL393150 OYF393150:OYH393150 PIB393150:PID393150 PRX393150:PRZ393150 QBT393150:QBV393150 QLP393150:QLR393150 QVL393150:QVN393150 RFH393150:RFJ393150 RPD393150:RPF393150 RYZ393150:RZB393150 SIV393150:SIX393150 SSR393150:SST393150 TCN393150:TCP393150 TMJ393150:TML393150 TWF393150:TWH393150 UGB393150:UGD393150 UPX393150:UPZ393150 UZT393150:UZV393150 VJP393150:VJR393150 VTL393150:VTN393150 WDH393150:WDJ393150 WND393150:WNF393150 WWZ393150:WXB393150 AR458681:AT458681 KN458686:KP458686 UJ458686:UL458686 AEF458686:AEH458686 AOB458686:AOD458686 AXX458686:AXZ458686 BHT458686:BHV458686 BRP458686:BRR458686 CBL458686:CBN458686 CLH458686:CLJ458686 CVD458686:CVF458686 DEZ458686:DFB458686 DOV458686:DOX458686 DYR458686:DYT458686 EIN458686:EIP458686 ESJ458686:ESL458686 FCF458686:FCH458686 FMB458686:FMD458686 FVX458686:FVZ458686 GFT458686:GFV458686 GPP458686:GPR458686 GZL458686:GZN458686 HJH458686:HJJ458686 HTD458686:HTF458686 ICZ458686:IDB458686 IMV458686:IMX458686 IWR458686:IWT458686 JGN458686:JGP458686 JQJ458686:JQL458686 KAF458686:KAH458686 KKB458686:KKD458686 KTX458686:KTZ458686 LDT458686:LDV458686 LNP458686:LNR458686 LXL458686:LXN458686 MHH458686:MHJ458686 MRD458686:MRF458686 NAZ458686:NBB458686 NKV458686:NKX458686 NUR458686:NUT458686 OEN458686:OEP458686 OOJ458686:OOL458686 OYF458686:OYH458686 PIB458686:PID458686 PRX458686:PRZ458686 QBT458686:QBV458686 QLP458686:QLR458686 QVL458686:QVN458686 RFH458686:RFJ458686 RPD458686:RPF458686 RYZ458686:RZB458686 SIV458686:SIX458686 SSR458686:SST458686 TCN458686:TCP458686 TMJ458686:TML458686 TWF458686:TWH458686 UGB458686:UGD458686 UPX458686:UPZ458686 UZT458686:UZV458686 VJP458686:VJR458686 VTL458686:VTN458686 WDH458686:WDJ458686 WND458686:WNF458686 WWZ458686:WXB458686 AR524217:AT524217 KN524222:KP524222 UJ524222:UL524222 AEF524222:AEH524222 AOB524222:AOD524222 AXX524222:AXZ524222 BHT524222:BHV524222 BRP524222:BRR524222 CBL524222:CBN524222 CLH524222:CLJ524222 CVD524222:CVF524222 DEZ524222:DFB524222 DOV524222:DOX524222 DYR524222:DYT524222 EIN524222:EIP524222 ESJ524222:ESL524222 FCF524222:FCH524222 FMB524222:FMD524222 FVX524222:FVZ524222 GFT524222:GFV524222 GPP524222:GPR524222 GZL524222:GZN524222 HJH524222:HJJ524222 HTD524222:HTF524222 ICZ524222:IDB524222 IMV524222:IMX524222 IWR524222:IWT524222 JGN524222:JGP524222 JQJ524222:JQL524222 KAF524222:KAH524222 KKB524222:KKD524222 KTX524222:KTZ524222 LDT524222:LDV524222 LNP524222:LNR524222 LXL524222:LXN524222 MHH524222:MHJ524222 MRD524222:MRF524222 NAZ524222:NBB524222 NKV524222:NKX524222 NUR524222:NUT524222 OEN524222:OEP524222 OOJ524222:OOL524222 OYF524222:OYH524222 PIB524222:PID524222 PRX524222:PRZ524222 QBT524222:QBV524222 QLP524222:QLR524222 QVL524222:QVN524222 RFH524222:RFJ524222 RPD524222:RPF524222 RYZ524222:RZB524222 SIV524222:SIX524222 SSR524222:SST524222 TCN524222:TCP524222 TMJ524222:TML524222 TWF524222:TWH524222 UGB524222:UGD524222 UPX524222:UPZ524222 UZT524222:UZV524222 VJP524222:VJR524222 VTL524222:VTN524222 WDH524222:WDJ524222 WND524222:WNF524222 WWZ524222:WXB524222 AR589753:AT589753 KN589758:KP589758 UJ589758:UL589758 AEF589758:AEH589758 AOB589758:AOD589758 AXX589758:AXZ589758 BHT589758:BHV589758 BRP589758:BRR589758 CBL589758:CBN589758 CLH589758:CLJ589758 CVD589758:CVF589758 DEZ589758:DFB589758 DOV589758:DOX589758 DYR589758:DYT589758 EIN589758:EIP589758 ESJ589758:ESL589758 FCF589758:FCH589758 FMB589758:FMD589758 FVX589758:FVZ589758 GFT589758:GFV589758 GPP589758:GPR589758 GZL589758:GZN589758 HJH589758:HJJ589758 HTD589758:HTF589758 ICZ589758:IDB589758 IMV589758:IMX589758 IWR589758:IWT589758 JGN589758:JGP589758 JQJ589758:JQL589758 KAF589758:KAH589758 KKB589758:KKD589758 KTX589758:KTZ589758 LDT589758:LDV589758 LNP589758:LNR589758 LXL589758:LXN589758 MHH589758:MHJ589758 MRD589758:MRF589758 NAZ589758:NBB589758 NKV589758:NKX589758 NUR589758:NUT589758 OEN589758:OEP589758 OOJ589758:OOL589758 OYF589758:OYH589758 PIB589758:PID589758 PRX589758:PRZ589758 QBT589758:QBV589758 QLP589758:QLR589758 QVL589758:QVN589758 RFH589758:RFJ589758 RPD589758:RPF589758 RYZ589758:RZB589758 SIV589758:SIX589758 SSR589758:SST589758 TCN589758:TCP589758 TMJ589758:TML589758 TWF589758:TWH589758 UGB589758:UGD589758 UPX589758:UPZ589758 UZT589758:UZV589758 VJP589758:VJR589758 VTL589758:VTN589758 WDH589758:WDJ589758 WND589758:WNF589758 WWZ589758:WXB589758 AR655289:AT655289 KN655294:KP655294 UJ655294:UL655294 AEF655294:AEH655294 AOB655294:AOD655294 AXX655294:AXZ655294 BHT655294:BHV655294 BRP655294:BRR655294 CBL655294:CBN655294 CLH655294:CLJ655294 CVD655294:CVF655294 DEZ655294:DFB655294 DOV655294:DOX655294 DYR655294:DYT655294 EIN655294:EIP655294 ESJ655294:ESL655294 FCF655294:FCH655294 FMB655294:FMD655294 FVX655294:FVZ655294 GFT655294:GFV655294 GPP655294:GPR655294 GZL655294:GZN655294 HJH655294:HJJ655294 HTD655294:HTF655294 ICZ655294:IDB655294 IMV655294:IMX655294 IWR655294:IWT655294 JGN655294:JGP655294 JQJ655294:JQL655294 KAF655294:KAH655294 KKB655294:KKD655294 KTX655294:KTZ655294 LDT655294:LDV655294 LNP655294:LNR655294 LXL655294:LXN655294 MHH655294:MHJ655294 MRD655294:MRF655294 NAZ655294:NBB655294 NKV655294:NKX655294 NUR655294:NUT655294 OEN655294:OEP655294 OOJ655294:OOL655294 OYF655294:OYH655294 PIB655294:PID655294 PRX655294:PRZ655294 QBT655294:QBV655294 QLP655294:QLR655294 QVL655294:QVN655294 RFH655294:RFJ655294 RPD655294:RPF655294 RYZ655294:RZB655294 SIV655294:SIX655294 SSR655294:SST655294 TCN655294:TCP655294 TMJ655294:TML655294 TWF655294:TWH655294 UGB655294:UGD655294 UPX655294:UPZ655294 UZT655294:UZV655294 VJP655294:VJR655294 VTL655294:VTN655294 WDH655294:WDJ655294 WND655294:WNF655294 WWZ655294:WXB655294 AR720825:AT720825 KN720830:KP720830 UJ720830:UL720830 AEF720830:AEH720830 AOB720830:AOD720830 AXX720830:AXZ720830 BHT720830:BHV720830 BRP720830:BRR720830 CBL720830:CBN720830 CLH720830:CLJ720830 CVD720830:CVF720830 DEZ720830:DFB720830 DOV720830:DOX720830 DYR720830:DYT720830 EIN720830:EIP720830 ESJ720830:ESL720830 FCF720830:FCH720830 FMB720830:FMD720830 FVX720830:FVZ720830 GFT720830:GFV720830 GPP720830:GPR720830 GZL720830:GZN720830 HJH720830:HJJ720830 HTD720830:HTF720830 ICZ720830:IDB720830 IMV720830:IMX720830 IWR720830:IWT720830 JGN720830:JGP720830 JQJ720830:JQL720830 KAF720830:KAH720830 KKB720830:KKD720830 KTX720830:KTZ720830 LDT720830:LDV720830 LNP720830:LNR720830 LXL720830:LXN720830 MHH720830:MHJ720830 MRD720830:MRF720830 NAZ720830:NBB720830 NKV720830:NKX720830 NUR720830:NUT720830 OEN720830:OEP720830 OOJ720830:OOL720830 OYF720830:OYH720830 PIB720830:PID720830 PRX720830:PRZ720830 QBT720830:QBV720830 QLP720830:QLR720830 QVL720830:QVN720830 RFH720830:RFJ720830 RPD720830:RPF720830 RYZ720830:RZB720830 SIV720830:SIX720830 SSR720830:SST720830 TCN720830:TCP720830 TMJ720830:TML720830 TWF720830:TWH720830 UGB720830:UGD720830 UPX720830:UPZ720830 UZT720830:UZV720830 VJP720830:VJR720830 VTL720830:VTN720830 WDH720830:WDJ720830 WND720830:WNF720830 WWZ720830:WXB720830 AR786361:AT786361 KN786366:KP786366 UJ786366:UL786366 AEF786366:AEH786366 AOB786366:AOD786366 AXX786366:AXZ786366 BHT786366:BHV786366 BRP786366:BRR786366 CBL786366:CBN786366 CLH786366:CLJ786366 CVD786366:CVF786366 DEZ786366:DFB786366 DOV786366:DOX786366 DYR786366:DYT786366 EIN786366:EIP786366 ESJ786366:ESL786366 FCF786366:FCH786366 FMB786366:FMD786366 FVX786366:FVZ786366 GFT786366:GFV786366 GPP786366:GPR786366 GZL786366:GZN786366 HJH786366:HJJ786366 HTD786366:HTF786366 ICZ786366:IDB786366 IMV786366:IMX786366 IWR786366:IWT786366 JGN786366:JGP786366 JQJ786366:JQL786366 KAF786366:KAH786366 KKB786366:KKD786366 KTX786366:KTZ786366 LDT786366:LDV786366 LNP786366:LNR786366 LXL786366:LXN786366 MHH786366:MHJ786366 MRD786366:MRF786366 NAZ786366:NBB786366 NKV786366:NKX786366 NUR786366:NUT786366 OEN786366:OEP786366 OOJ786366:OOL786366 OYF786366:OYH786366 PIB786366:PID786366 PRX786366:PRZ786366 QBT786366:QBV786366 QLP786366:QLR786366 QVL786366:QVN786366 RFH786366:RFJ786366 RPD786366:RPF786366 RYZ786366:RZB786366 SIV786366:SIX786366 SSR786366:SST786366 TCN786366:TCP786366 TMJ786366:TML786366 TWF786366:TWH786366 UGB786366:UGD786366 UPX786366:UPZ786366 UZT786366:UZV786366 VJP786366:VJR786366 VTL786366:VTN786366 WDH786366:WDJ786366 WND786366:WNF786366 WWZ786366:WXB786366 AR851897:AT851897 KN851902:KP851902 UJ851902:UL851902 AEF851902:AEH851902 AOB851902:AOD851902 AXX851902:AXZ851902 BHT851902:BHV851902 BRP851902:BRR851902 CBL851902:CBN851902 CLH851902:CLJ851902 CVD851902:CVF851902 DEZ851902:DFB851902 DOV851902:DOX851902 DYR851902:DYT851902 EIN851902:EIP851902 ESJ851902:ESL851902 FCF851902:FCH851902 FMB851902:FMD851902 FVX851902:FVZ851902 GFT851902:GFV851902 GPP851902:GPR851902 GZL851902:GZN851902 HJH851902:HJJ851902 HTD851902:HTF851902 ICZ851902:IDB851902 IMV851902:IMX851902 IWR851902:IWT851902 JGN851902:JGP851902 JQJ851902:JQL851902 KAF851902:KAH851902 KKB851902:KKD851902 KTX851902:KTZ851902 LDT851902:LDV851902 LNP851902:LNR851902 LXL851902:LXN851902 MHH851902:MHJ851902 MRD851902:MRF851902 NAZ851902:NBB851902 NKV851902:NKX851902 NUR851902:NUT851902 OEN851902:OEP851902 OOJ851902:OOL851902 OYF851902:OYH851902 PIB851902:PID851902 PRX851902:PRZ851902 QBT851902:QBV851902 QLP851902:QLR851902 QVL851902:QVN851902 RFH851902:RFJ851902 RPD851902:RPF851902 RYZ851902:RZB851902 SIV851902:SIX851902 SSR851902:SST851902 TCN851902:TCP851902 TMJ851902:TML851902 TWF851902:TWH851902 UGB851902:UGD851902 UPX851902:UPZ851902 UZT851902:UZV851902 VJP851902:VJR851902 VTL851902:VTN851902 WDH851902:WDJ851902 WND851902:WNF851902 WWZ851902:WXB851902 AR917433:AT917433 KN917438:KP917438 UJ917438:UL917438 AEF917438:AEH917438 AOB917438:AOD917438 AXX917438:AXZ917438 BHT917438:BHV917438 BRP917438:BRR917438 CBL917438:CBN917438 CLH917438:CLJ917438 CVD917438:CVF917438 DEZ917438:DFB917438 DOV917438:DOX917438 DYR917438:DYT917438 EIN917438:EIP917438 ESJ917438:ESL917438 FCF917438:FCH917438 FMB917438:FMD917438 FVX917438:FVZ917438 GFT917438:GFV917438 GPP917438:GPR917438 GZL917438:GZN917438 HJH917438:HJJ917438 HTD917438:HTF917438 ICZ917438:IDB917438 IMV917438:IMX917438 IWR917438:IWT917438 JGN917438:JGP917438 JQJ917438:JQL917438 KAF917438:KAH917438 KKB917438:KKD917438 KTX917438:KTZ917438 LDT917438:LDV917438 LNP917438:LNR917438 LXL917438:LXN917438 MHH917438:MHJ917438 MRD917438:MRF917438 NAZ917438:NBB917438 NKV917438:NKX917438 NUR917438:NUT917438 OEN917438:OEP917438 OOJ917438:OOL917438 OYF917438:OYH917438 PIB917438:PID917438 PRX917438:PRZ917438 QBT917438:QBV917438 QLP917438:QLR917438 QVL917438:QVN917438 RFH917438:RFJ917438 RPD917438:RPF917438 RYZ917438:RZB917438 SIV917438:SIX917438 SSR917438:SST917438 TCN917438:TCP917438 TMJ917438:TML917438 TWF917438:TWH917438 UGB917438:UGD917438 UPX917438:UPZ917438 UZT917438:UZV917438 VJP917438:VJR917438 VTL917438:VTN917438 WDH917438:WDJ917438 WND917438:WNF917438 WWZ917438:WXB917438 AR982969:AT982969 KN982974:KP982974 UJ982974:UL982974 AEF982974:AEH982974 AOB982974:AOD982974 AXX982974:AXZ982974 BHT982974:BHV982974 BRP982974:BRR982974 CBL982974:CBN982974 CLH982974:CLJ982974 CVD982974:CVF982974 DEZ982974:DFB982974 DOV982974:DOX982974 DYR982974:DYT982974 EIN982974:EIP982974 ESJ982974:ESL982974 FCF982974:FCH982974 FMB982974:FMD982974 FVX982974:FVZ982974 GFT982974:GFV982974 GPP982974:GPR982974 GZL982974:GZN982974 HJH982974:HJJ982974 HTD982974:HTF982974 ICZ982974:IDB982974 IMV982974:IMX982974 IWR982974:IWT982974 JGN982974:JGP982974 JQJ982974:JQL982974 KAF982974:KAH982974 KKB982974:KKD982974 KTX982974:KTZ982974 LDT982974:LDV982974 LNP982974:LNR982974 LXL982974:LXN982974 MHH982974:MHJ982974 MRD982974:MRF982974 NAZ982974:NBB982974 NKV982974:NKX982974 NUR982974:NUT982974 OEN982974:OEP982974 OOJ982974:OOL982974 OYF982974:OYH982974 PIB982974:PID982974 PRX982974:PRZ982974 QBT982974:QBV982974 QLP982974:QLR982974 QVL982974:QVN982974 RFH982974:RFJ982974 RPD982974:RPF982974 RYZ982974:RZB982974 SIV982974:SIX982974 SSR982974:SST982974 TCN982974:TCP982974 TMJ982974:TML982974 TWF982974:TWH982974 UGB982974:UGD982974 UPX982974:UPZ982974 UZT982974:UZV982974 VJP982974:VJR982974 VTL982974:VTN982974 WDH982974:WDJ982974 WND982974:WNF982974 WWZ982974:WXB982974 AS65464:AT65464 KO65469:KP65469 UK65469:UL65469 AEG65469:AEH65469 AOC65469:AOD65469 AXY65469:AXZ65469 BHU65469:BHV65469 BRQ65469:BRR65469 CBM65469:CBN65469 CLI65469:CLJ65469 CVE65469:CVF65469 DFA65469:DFB65469 DOW65469:DOX65469 DYS65469:DYT65469 EIO65469:EIP65469 ESK65469:ESL65469 FCG65469:FCH65469 FMC65469:FMD65469 FVY65469:FVZ65469 GFU65469:GFV65469 GPQ65469:GPR65469 GZM65469:GZN65469 HJI65469:HJJ65469 HTE65469:HTF65469 IDA65469:IDB65469 IMW65469:IMX65469 IWS65469:IWT65469 JGO65469:JGP65469 JQK65469:JQL65469 KAG65469:KAH65469 KKC65469:KKD65469 KTY65469:KTZ65469 LDU65469:LDV65469 LNQ65469:LNR65469 LXM65469:LXN65469 MHI65469:MHJ65469 MRE65469:MRF65469 NBA65469:NBB65469 NKW65469:NKX65469 NUS65469:NUT65469 OEO65469:OEP65469 OOK65469:OOL65469 OYG65469:OYH65469 PIC65469:PID65469 PRY65469:PRZ65469 QBU65469:QBV65469 QLQ65469:QLR65469 QVM65469:QVN65469 RFI65469:RFJ65469 RPE65469:RPF65469 RZA65469:RZB65469 SIW65469:SIX65469 SSS65469:SST65469 TCO65469:TCP65469 TMK65469:TML65469 TWG65469:TWH65469 UGC65469:UGD65469 UPY65469:UPZ65469 UZU65469:UZV65469 VJQ65469:VJR65469 VTM65469:VTN65469 WDI65469:WDJ65469 WNE65469:WNF65469 WXA65469:WXB65469 AS131000:AT131000 KO131005:KP131005 UK131005:UL131005 AEG131005:AEH131005 AOC131005:AOD131005 AXY131005:AXZ131005 BHU131005:BHV131005 BRQ131005:BRR131005 CBM131005:CBN131005 CLI131005:CLJ131005 CVE131005:CVF131005 DFA131005:DFB131005 DOW131005:DOX131005 DYS131005:DYT131005 EIO131005:EIP131005 ESK131005:ESL131005 FCG131005:FCH131005 FMC131005:FMD131005 FVY131005:FVZ131005 GFU131005:GFV131005 GPQ131005:GPR131005 GZM131005:GZN131005 HJI131005:HJJ131005 HTE131005:HTF131005 IDA131005:IDB131005 IMW131005:IMX131005 IWS131005:IWT131005 JGO131005:JGP131005 JQK131005:JQL131005 KAG131005:KAH131005 KKC131005:KKD131005 KTY131005:KTZ131005 LDU131005:LDV131005 LNQ131005:LNR131005 LXM131005:LXN131005 MHI131005:MHJ131005 MRE131005:MRF131005 NBA131005:NBB131005 NKW131005:NKX131005 NUS131005:NUT131005 OEO131005:OEP131005 OOK131005:OOL131005 OYG131005:OYH131005 PIC131005:PID131005 PRY131005:PRZ131005 QBU131005:QBV131005 QLQ131005:QLR131005 QVM131005:QVN131005 RFI131005:RFJ131005 RPE131005:RPF131005 RZA131005:RZB131005 SIW131005:SIX131005 SSS131005:SST131005 TCO131005:TCP131005 TMK131005:TML131005 TWG131005:TWH131005 UGC131005:UGD131005 UPY131005:UPZ131005 UZU131005:UZV131005 VJQ131005:VJR131005 VTM131005:VTN131005 WDI131005:WDJ131005 WNE131005:WNF131005 WXA131005:WXB131005 AS196536:AT196536 KO196541:KP196541 UK196541:UL196541 AEG196541:AEH196541 AOC196541:AOD196541 AXY196541:AXZ196541 BHU196541:BHV196541 BRQ196541:BRR196541 CBM196541:CBN196541 CLI196541:CLJ196541 CVE196541:CVF196541 DFA196541:DFB196541 DOW196541:DOX196541 DYS196541:DYT196541 EIO196541:EIP196541 ESK196541:ESL196541 FCG196541:FCH196541 FMC196541:FMD196541 FVY196541:FVZ196541 GFU196541:GFV196541 GPQ196541:GPR196541 GZM196541:GZN196541 HJI196541:HJJ196541 HTE196541:HTF196541 IDA196541:IDB196541 IMW196541:IMX196541 IWS196541:IWT196541 JGO196541:JGP196541 JQK196541:JQL196541 KAG196541:KAH196541 KKC196541:KKD196541 KTY196541:KTZ196541 LDU196541:LDV196541 LNQ196541:LNR196541 LXM196541:LXN196541 MHI196541:MHJ196541 MRE196541:MRF196541 NBA196541:NBB196541 NKW196541:NKX196541 NUS196541:NUT196541 OEO196541:OEP196541 OOK196541:OOL196541 OYG196541:OYH196541 PIC196541:PID196541 PRY196541:PRZ196541 QBU196541:QBV196541 QLQ196541:QLR196541 QVM196541:QVN196541 RFI196541:RFJ196541 RPE196541:RPF196541 RZA196541:RZB196541 SIW196541:SIX196541 SSS196541:SST196541 TCO196541:TCP196541 TMK196541:TML196541 TWG196541:TWH196541 UGC196541:UGD196541 UPY196541:UPZ196541 UZU196541:UZV196541 VJQ196541:VJR196541 VTM196541:VTN196541 WDI196541:WDJ196541 WNE196541:WNF196541 WXA196541:WXB196541 AS262072:AT262072 KO262077:KP262077 UK262077:UL262077 AEG262077:AEH262077 AOC262077:AOD262077 AXY262077:AXZ262077 BHU262077:BHV262077 BRQ262077:BRR262077 CBM262077:CBN262077 CLI262077:CLJ262077 CVE262077:CVF262077 DFA262077:DFB262077 DOW262077:DOX262077 DYS262077:DYT262077 EIO262077:EIP262077 ESK262077:ESL262077 FCG262077:FCH262077 FMC262077:FMD262077 FVY262077:FVZ262077 GFU262077:GFV262077 GPQ262077:GPR262077 GZM262077:GZN262077 HJI262077:HJJ262077 HTE262077:HTF262077 IDA262077:IDB262077 IMW262077:IMX262077 IWS262077:IWT262077 JGO262077:JGP262077 JQK262077:JQL262077 KAG262077:KAH262077 KKC262077:KKD262077 KTY262077:KTZ262077 LDU262077:LDV262077 LNQ262077:LNR262077 LXM262077:LXN262077 MHI262077:MHJ262077 MRE262077:MRF262077 NBA262077:NBB262077 NKW262077:NKX262077 NUS262077:NUT262077 OEO262077:OEP262077 OOK262077:OOL262077 OYG262077:OYH262077 PIC262077:PID262077 PRY262077:PRZ262077 QBU262077:QBV262077 QLQ262077:QLR262077 QVM262077:QVN262077 RFI262077:RFJ262077 RPE262077:RPF262077 RZA262077:RZB262077 SIW262077:SIX262077 SSS262077:SST262077 TCO262077:TCP262077 TMK262077:TML262077 TWG262077:TWH262077 UGC262077:UGD262077 UPY262077:UPZ262077 UZU262077:UZV262077 VJQ262077:VJR262077 VTM262077:VTN262077 WDI262077:WDJ262077 WNE262077:WNF262077 WXA262077:WXB262077 AS327608:AT327608 KO327613:KP327613 UK327613:UL327613 AEG327613:AEH327613 AOC327613:AOD327613 AXY327613:AXZ327613 BHU327613:BHV327613 BRQ327613:BRR327613 CBM327613:CBN327613 CLI327613:CLJ327613 CVE327613:CVF327613 DFA327613:DFB327613 DOW327613:DOX327613 DYS327613:DYT327613 EIO327613:EIP327613 ESK327613:ESL327613 FCG327613:FCH327613 FMC327613:FMD327613 FVY327613:FVZ327613 GFU327613:GFV327613 GPQ327613:GPR327613 GZM327613:GZN327613 HJI327613:HJJ327613 HTE327613:HTF327613 IDA327613:IDB327613 IMW327613:IMX327613 IWS327613:IWT327613 JGO327613:JGP327613 JQK327613:JQL327613 KAG327613:KAH327613 KKC327613:KKD327613 KTY327613:KTZ327613 LDU327613:LDV327613 LNQ327613:LNR327613 LXM327613:LXN327613 MHI327613:MHJ327613 MRE327613:MRF327613 NBA327613:NBB327613 NKW327613:NKX327613 NUS327613:NUT327613 OEO327613:OEP327613 OOK327613:OOL327613 OYG327613:OYH327613 PIC327613:PID327613 PRY327613:PRZ327613 QBU327613:QBV327613 QLQ327613:QLR327613 QVM327613:QVN327613 RFI327613:RFJ327613 RPE327613:RPF327613 RZA327613:RZB327613 SIW327613:SIX327613 SSS327613:SST327613 TCO327613:TCP327613 TMK327613:TML327613 TWG327613:TWH327613 UGC327613:UGD327613 UPY327613:UPZ327613 UZU327613:UZV327613 VJQ327613:VJR327613 VTM327613:VTN327613 WDI327613:WDJ327613 WNE327613:WNF327613 WXA327613:WXB327613 AS393144:AT393144 KO393149:KP393149 UK393149:UL393149 AEG393149:AEH393149 AOC393149:AOD393149 AXY393149:AXZ393149 BHU393149:BHV393149 BRQ393149:BRR393149 CBM393149:CBN393149 CLI393149:CLJ393149 CVE393149:CVF393149 DFA393149:DFB393149 DOW393149:DOX393149 DYS393149:DYT393149 EIO393149:EIP393149 ESK393149:ESL393149 FCG393149:FCH393149 FMC393149:FMD393149 FVY393149:FVZ393149 GFU393149:GFV393149 GPQ393149:GPR393149 GZM393149:GZN393149 HJI393149:HJJ393149 HTE393149:HTF393149 IDA393149:IDB393149 IMW393149:IMX393149 IWS393149:IWT393149 JGO393149:JGP393149 JQK393149:JQL393149 KAG393149:KAH393149 KKC393149:KKD393149 KTY393149:KTZ393149 LDU393149:LDV393149 LNQ393149:LNR393149 LXM393149:LXN393149 MHI393149:MHJ393149 MRE393149:MRF393149 NBA393149:NBB393149 NKW393149:NKX393149 NUS393149:NUT393149 OEO393149:OEP393149 OOK393149:OOL393149 OYG393149:OYH393149 PIC393149:PID393149 PRY393149:PRZ393149 QBU393149:QBV393149 QLQ393149:QLR393149 QVM393149:QVN393149 RFI393149:RFJ393149 RPE393149:RPF393149 RZA393149:RZB393149 SIW393149:SIX393149 SSS393149:SST393149 TCO393149:TCP393149 TMK393149:TML393149 TWG393149:TWH393149 UGC393149:UGD393149 UPY393149:UPZ393149 UZU393149:UZV393149 VJQ393149:VJR393149 VTM393149:VTN393149 WDI393149:WDJ393149 WNE393149:WNF393149 WXA393149:WXB393149 AS458680:AT458680 KO458685:KP458685 UK458685:UL458685 AEG458685:AEH458685 AOC458685:AOD458685 AXY458685:AXZ458685 BHU458685:BHV458685 BRQ458685:BRR458685 CBM458685:CBN458685 CLI458685:CLJ458685 CVE458685:CVF458685 DFA458685:DFB458685 DOW458685:DOX458685 DYS458685:DYT458685 EIO458685:EIP458685 ESK458685:ESL458685 FCG458685:FCH458685 FMC458685:FMD458685 FVY458685:FVZ458685 GFU458685:GFV458685 GPQ458685:GPR458685 GZM458685:GZN458685 HJI458685:HJJ458685 HTE458685:HTF458685 IDA458685:IDB458685 IMW458685:IMX458685 IWS458685:IWT458685 JGO458685:JGP458685 JQK458685:JQL458685 KAG458685:KAH458685 KKC458685:KKD458685 KTY458685:KTZ458685 LDU458685:LDV458685 LNQ458685:LNR458685 LXM458685:LXN458685 MHI458685:MHJ458685 MRE458685:MRF458685 NBA458685:NBB458685 NKW458685:NKX458685 NUS458685:NUT458685 OEO458685:OEP458685 OOK458685:OOL458685 OYG458685:OYH458685 PIC458685:PID458685 PRY458685:PRZ458685 QBU458685:QBV458685 QLQ458685:QLR458685 QVM458685:QVN458685 RFI458685:RFJ458685 RPE458685:RPF458685 RZA458685:RZB458685 SIW458685:SIX458685 SSS458685:SST458685 TCO458685:TCP458685 TMK458685:TML458685 TWG458685:TWH458685 UGC458685:UGD458685 UPY458685:UPZ458685 UZU458685:UZV458685 VJQ458685:VJR458685 VTM458685:VTN458685 WDI458685:WDJ458685 WNE458685:WNF458685 WXA458685:WXB458685 AS524216:AT524216 KO524221:KP524221 UK524221:UL524221 AEG524221:AEH524221 AOC524221:AOD524221 AXY524221:AXZ524221 BHU524221:BHV524221 BRQ524221:BRR524221 CBM524221:CBN524221 CLI524221:CLJ524221 CVE524221:CVF524221 DFA524221:DFB524221 DOW524221:DOX524221 DYS524221:DYT524221 EIO524221:EIP524221 ESK524221:ESL524221 FCG524221:FCH524221 FMC524221:FMD524221 FVY524221:FVZ524221 GFU524221:GFV524221 GPQ524221:GPR524221 GZM524221:GZN524221 HJI524221:HJJ524221 HTE524221:HTF524221 IDA524221:IDB524221 IMW524221:IMX524221 IWS524221:IWT524221 JGO524221:JGP524221 JQK524221:JQL524221 KAG524221:KAH524221 KKC524221:KKD524221 KTY524221:KTZ524221 LDU524221:LDV524221 LNQ524221:LNR524221 LXM524221:LXN524221 MHI524221:MHJ524221 MRE524221:MRF524221 NBA524221:NBB524221 NKW524221:NKX524221 NUS524221:NUT524221 OEO524221:OEP524221 OOK524221:OOL524221 OYG524221:OYH524221 PIC524221:PID524221 PRY524221:PRZ524221 QBU524221:QBV524221 QLQ524221:QLR524221 QVM524221:QVN524221 RFI524221:RFJ524221 RPE524221:RPF524221 RZA524221:RZB524221 SIW524221:SIX524221 SSS524221:SST524221 TCO524221:TCP524221 TMK524221:TML524221 TWG524221:TWH524221 UGC524221:UGD524221 UPY524221:UPZ524221 UZU524221:UZV524221 VJQ524221:VJR524221 VTM524221:VTN524221 WDI524221:WDJ524221 WNE524221:WNF524221 WXA524221:WXB524221 AS589752:AT589752 KO589757:KP589757 UK589757:UL589757 AEG589757:AEH589757 AOC589757:AOD589757 AXY589757:AXZ589757 BHU589757:BHV589757 BRQ589757:BRR589757 CBM589757:CBN589757 CLI589757:CLJ589757 CVE589757:CVF589757 DFA589757:DFB589757 DOW589757:DOX589757 DYS589757:DYT589757 EIO589757:EIP589757 ESK589757:ESL589757 FCG589757:FCH589757 FMC589757:FMD589757 FVY589757:FVZ589757 GFU589757:GFV589757 GPQ589757:GPR589757 GZM589757:GZN589757 HJI589757:HJJ589757 HTE589757:HTF589757 IDA589757:IDB589757 IMW589757:IMX589757 IWS589757:IWT589757 JGO589757:JGP589757 JQK589757:JQL589757 KAG589757:KAH589757 KKC589757:KKD589757 KTY589757:KTZ589757 LDU589757:LDV589757 LNQ589757:LNR589757 LXM589757:LXN589757 MHI589757:MHJ589757 MRE589757:MRF589757 NBA589757:NBB589757 NKW589757:NKX589757 NUS589757:NUT589757 OEO589757:OEP589757 OOK589757:OOL589757 OYG589757:OYH589757 PIC589757:PID589757 PRY589757:PRZ589757 QBU589757:QBV589757 QLQ589757:QLR589757 QVM589757:QVN589757 RFI589757:RFJ589757 RPE589757:RPF589757 RZA589757:RZB589757 SIW589757:SIX589757 SSS589757:SST589757 TCO589757:TCP589757 TMK589757:TML589757 TWG589757:TWH589757 UGC589757:UGD589757 UPY589757:UPZ589757 UZU589757:UZV589757 VJQ589757:VJR589757 VTM589757:VTN589757 WDI589757:WDJ589757 WNE589757:WNF589757 WXA589757:WXB589757 AS655288:AT655288 KO655293:KP655293 UK655293:UL655293 AEG655293:AEH655293 AOC655293:AOD655293 AXY655293:AXZ655293 BHU655293:BHV655293 BRQ655293:BRR655293 CBM655293:CBN655293 CLI655293:CLJ655293 CVE655293:CVF655293 DFA655293:DFB655293 DOW655293:DOX655293 DYS655293:DYT655293 EIO655293:EIP655293 ESK655293:ESL655293 FCG655293:FCH655293 FMC655293:FMD655293 FVY655293:FVZ655293 GFU655293:GFV655293 GPQ655293:GPR655293 GZM655293:GZN655293 HJI655293:HJJ655293 HTE655293:HTF655293 IDA655293:IDB655293 IMW655293:IMX655293 IWS655293:IWT655293 JGO655293:JGP655293 JQK655293:JQL655293 KAG655293:KAH655293 KKC655293:KKD655293 KTY655293:KTZ655293 LDU655293:LDV655293 LNQ655293:LNR655293 LXM655293:LXN655293 MHI655293:MHJ655293 MRE655293:MRF655293 NBA655293:NBB655293 NKW655293:NKX655293 NUS655293:NUT655293 OEO655293:OEP655293 OOK655293:OOL655293 OYG655293:OYH655293 PIC655293:PID655293 PRY655293:PRZ655293 QBU655293:QBV655293 QLQ655293:QLR655293 QVM655293:QVN655293 RFI655293:RFJ655293 RPE655293:RPF655293 RZA655293:RZB655293 SIW655293:SIX655293 SSS655293:SST655293 TCO655293:TCP655293 TMK655293:TML655293 TWG655293:TWH655293 UGC655293:UGD655293 UPY655293:UPZ655293 UZU655293:UZV655293 VJQ655293:VJR655293 VTM655293:VTN655293 WDI655293:WDJ655293 WNE655293:WNF655293 WXA655293:WXB655293 AS720824:AT720824 KO720829:KP720829 UK720829:UL720829 AEG720829:AEH720829 AOC720829:AOD720829 AXY720829:AXZ720829 BHU720829:BHV720829 BRQ720829:BRR720829 CBM720829:CBN720829 CLI720829:CLJ720829 CVE720829:CVF720829 DFA720829:DFB720829 DOW720829:DOX720829 DYS720829:DYT720829 EIO720829:EIP720829 ESK720829:ESL720829 FCG720829:FCH720829 FMC720829:FMD720829 FVY720829:FVZ720829 GFU720829:GFV720829 GPQ720829:GPR720829 GZM720829:GZN720829 HJI720829:HJJ720829 HTE720829:HTF720829 IDA720829:IDB720829 IMW720829:IMX720829 IWS720829:IWT720829 JGO720829:JGP720829 JQK720829:JQL720829 KAG720829:KAH720829 KKC720829:KKD720829 KTY720829:KTZ720829 LDU720829:LDV720829 LNQ720829:LNR720829 LXM720829:LXN720829 MHI720829:MHJ720829 MRE720829:MRF720829 NBA720829:NBB720829 NKW720829:NKX720829 NUS720829:NUT720829 OEO720829:OEP720829 OOK720829:OOL720829 OYG720829:OYH720829 PIC720829:PID720829 PRY720829:PRZ720829 QBU720829:QBV720829 QLQ720829:QLR720829 QVM720829:QVN720829 RFI720829:RFJ720829 RPE720829:RPF720829 RZA720829:RZB720829 SIW720829:SIX720829 SSS720829:SST720829 TCO720829:TCP720829 TMK720829:TML720829 TWG720829:TWH720829 UGC720829:UGD720829 UPY720829:UPZ720829 UZU720829:UZV720829 VJQ720829:VJR720829 VTM720829:VTN720829 WDI720829:WDJ720829 WNE720829:WNF720829 WXA720829:WXB720829 AS786360:AT786360 KO786365:KP786365 UK786365:UL786365 AEG786365:AEH786365 AOC786365:AOD786365 AXY786365:AXZ786365 BHU786365:BHV786365 BRQ786365:BRR786365 CBM786365:CBN786365 CLI786365:CLJ786365 CVE786365:CVF786365 DFA786365:DFB786365 DOW786365:DOX786365 DYS786365:DYT786365 EIO786365:EIP786365 ESK786365:ESL786365 FCG786365:FCH786365 FMC786365:FMD786365 FVY786365:FVZ786365 GFU786365:GFV786365 GPQ786365:GPR786365 GZM786365:GZN786365 HJI786365:HJJ786365 HTE786365:HTF786365 IDA786365:IDB786365 IMW786365:IMX786365 IWS786365:IWT786365 JGO786365:JGP786365 JQK786365:JQL786365 KAG786365:KAH786365 KKC786365:KKD786365 KTY786365:KTZ786365 LDU786365:LDV786365 LNQ786365:LNR786365 LXM786365:LXN786365 MHI786365:MHJ786365 MRE786365:MRF786365 NBA786365:NBB786365 NKW786365:NKX786365 NUS786365:NUT786365 OEO786365:OEP786365 OOK786365:OOL786365 OYG786365:OYH786365 PIC786365:PID786365 PRY786365:PRZ786365 QBU786365:QBV786365 QLQ786365:QLR786365 QVM786365:QVN786365 RFI786365:RFJ786365 RPE786365:RPF786365 RZA786365:RZB786365 SIW786365:SIX786365 SSS786365:SST786365 TCO786365:TCP786365 TMK786365:TML786365 TWG786365:TWH786365 UGC786365:UGD786365 UPY786365:UPZ786365 UZU786365:UZV786365 VJQ786365:VJR786365 VTM786365:VTN786365 WDI786365:WDJ786365 WNE786365:WNF786365 WXA786365:WXB786365 AS851896:AT851896 KO851901:KP851901 UK851901:UL851901 AEG851901:AEH851901 AOC851901:AOD851901 AXY851901:AXZ851901 BHU851901:BHV851901 BRQ851901:BRR851901 CBM851901:CBN851901 CLI851901:CLJ851901 CVE851901:CVF851901 DFA851901:DFB851901 DOW851901:DOX851901 DYS851901:DYT851901 EIO851901:EIP851901 ESK851901:ESL851901 FCG851901:FCH851901 FMC851901:FMD851901 FVY851901:FVZ851901 GFU851901:GFV851901 GPQ851901:GPR851901 GZM851901:GZN851901 HJI851901:HJJ851901 HTE851901:HTF851901 IDA851901:IDB851901 IMW851901:IMX851901 IWS851901:IWT851901 JGO851901:JGP851901 JQK851901:JQL851901 KAG851901:KAH851901 KKC851901:KKD851901 KTY851901:KTZ851901 LDU851901:LDV851901 LNQ851901:LNR851901 LXM851901:LXN851901 MHI851901:MHJ851901 MRE851901:MRF851901 NBA851901:NBB851901 NKW851901:NKX851901 NUS851901:NUT851901 OEO851901:OEP851901 OOK851901:OOL851901 OYG851901:OYH851901 PIC851901:PID851901 PRY851901:PRZ851901 QBU851901:QBV851901 QLQ851901:QLR851901 QVM851901:QVN851901 RFI851901:RFJ851901 RPE851901:RPF851901 RZA851901:RZB851901 SIW851901:SIX851901 SSS851901:SST851901 TCO851901:TCP851901 TMK851901:TML851901 TWG851901:TWH851901 UGC851901:UGD851901 UPY851901:UPZ851901 UZU851901:UZV851901 VJQ851901:VJR851901 VTM851901:VTN851901 WDI851901:WDJ851901 WNE851901:WNF851901 WXA851901:WXB851901 AS917432:AT917432 KO917437:KP917437 UK917437:UL917437 AEG917437:AEH917437 AOC917437:AOD917437 AXY917437:AXZ917437 BHU917437:BHV917437 BRQ917437:BRR917437 CBM917437:CBN917437 CLI917437:CLJ917437 CVE917437:CVF917437 DFA917437:DFB917437 DOW917437:DOX917437 DYS917437:DYT917437 EIO917437:EIP917437 ESK917437:ESL917437 FCG917437:FCH917437 FMC917437:FMD917437 FVY917437:FVZ917437 GFU917437:GFV917437 GPQ917437:GPR917437 GZM917437:GZN917437 HJI917437:HJJ917437 HTE917437:HTF917437 IDA917437:IDB917437 IMW917437:IMX917437 IWS917437:IWT917437 JGO917437:JGP917437 JQK917437:JQL917437 KAG917437:KAH917437 KKC917437:KKD917437 KTY917437:KTZ917437 LDU917437:LDV917437 LNQ917437:LNR917437 LXM917437:LXN917437 MHI917437:MHJ917437 MRE917437:MRF917437 NBA917437:NBB917437 NKW917437:NKX917437 NUS917437:NUT917437 OEO917437:OEP917437 OOK917437:OOL917437 OYG917437:OYH917437 PIC917437:PID917437 PRY917437:PRZ917437 QBU917437:QBV917437 QLQ917437:QLR917437 QVM917437:QVN917437 RFI917437:RFJ917437 RPE917437:RPF917437 RZA917437:RZB917437 SIW917437:SIX917437 SSS917437:SST917437 TCO917437:TCP917437 TMK917437:TML917437 TWG917437:TWH917437 UGC917437:UGD917437 UPY917437:UPZ917437 UZU917437:UZV917437 VJQ917437:VJR917437 VTM917437:VTN917437 WDI917437:WDJ917437 WNE917437:WNF917437 WXA917437:WXB917437 AS982968:AT982968 KO982973:KP982973 UK982973:UL982973 AEG982973:AEH982973 AOC982973:AOD982973 AXY982973:AXZ982973 BHU982973:BHV982973 BRQ982973:BRR982973 CBM982973:CBN982973 CLI982973:CLJ982973 CVE982973:CVF982973 DFA982973:DFB982973 DOW982973:DOX982973 DYS982973:DYT982973 EIO982973:EIP982973 ESK982973:ESL982973 FCG982973:FCH982973 FMC982973:FMD982973 FVY982973:FVZ982973 GFU982973:GFV982973 GPQ982973:GPR982973 GZM982973:GZN982973 HJI982973:HJJ982973 HTE982973:HTF982973 IDA982973:IDB982973 IMW982973:IMX982973 IWS982973:IWT982973 JGO982973:JGP982973 JQK982973:JQL982973 KAG982973:KAH982973 KKC982973:KKD982973 KTY982973:KTZ982973 LDU982973:LDV982973 LNQ982973:LNR982973 LXM982973:LXN982973 MHI982973:MHJ982973 MRE982973:MRF982973 NBA982973:NBB982973 NKW982973:NKX982973 NUS982973:NUT982973 OEO982973:OEP982973 OOK982973:OOL982973 OYG982973:OYH982973 PIC982973:PID982973 PRY982973:PRZ982973 QBU982973:QBV982973 QLQ982973:QLR982973 QVM982973:QVN982973 RFI982973:RFJ982973 RPE982973:RPF982973 RZA982973:RZB982973 SIW982973:SIX982973 SSS982973:SST982973 TCO982973:TCP982973 TMK982973:TML982973 TWG982973:TWH982973 UGC982973:UGD982973 UPY982973:UPZ982973 UZU982973:UZV982973 VJQ982973:VJR982973 VTM982973:VTN982973 WDI982973:WDJ982973 WNE982973:WNF982973 WXA982973:WXB982973"/>
    <dataValidation imeMode="hiragana" allowBlank="1" showInputMessage="1" showErrorMessage="1" sqref="K65471 JG65476 TC65476 ACY65476 AMU65476 AWQ65476 BGM65476 BQI65476 CAE65476 CKA65476 CTW65476 DDS65476 DNO65476 DXK65476 EHG65476 ERC65476 FAY65476 FKU65476 FUQ65476 GEM65476 GOI65476 GYE65476 HIA65476 HRW65476 IBS65476 ILO65476 IVK65476 JFG65476 JPC65476 JYY65476 KIU65476 KSQ65476 LCM65476 LMI65476 LWE65476 MGA65476 MPW65476 MZS65476 NJO65476 NTK65476 ODG65476 ONC65476 OWY65476 PGU65476 PQQ65476 QAM65476 QKI65476 QUE65476 REA65476 RNW65476 RXS65476 SHO65476 SRK65476 TBG65476 TLC65476 TUY65476 UEU65476 UOQ65476 UYM65476 VII65476 VSE65476 WCA65476 WLW65476 WVS65476 K131007 JG131012 TC131012 ACY131012 AMU131012 AWQ131012 BGM131012 BQI131012 CAE131012 CKA131012 CTW131012 DDS131012 DNO131012 DXK131012 EHG131012 ERC131012 FAY131012 FKU131012 FUQ131012 GEM131012 GOI131012 GYE131012 HIA131012 HRW131012 IBS131012 ILO131012 IVK131012 JFG131012 JPC131012 JYY131012 KIU131012 KSQ131012 LCM131012 LMI131012 LWE131012 MGA131012 MPW131012 MZS131012 NJO131012 NTK131012 ODG131012 ONC131012 OWY131012 PGU131012 PQQ131012 QAM131012 QKI131012 QUE131012 REA131012 RNW131012 RXS131012 SHO131012 SRK131012 TBG131012 TLC131012 TUY131012 UEU131012 UOQ131012 UYM131012 VII131012 VSE131012 WCA131012 WLW131012 WVS131012 K196543 JG196548 TC196548 ACY196548 AMU196548 AWQ196548 BGM196548 BQI196548 CAE196548 CKA196548 CTW196548 DDS196548 DNO196548 DXK196548 EHG196548 ERC196548 FAY196548 FKU196548 FUQ196548 GEM196548 GOI196548 GYE196548 HIA196548 HRW196548 IBS196548 ILO196548 IVK196548 JFG196548 JPC196548 JYY196548 KIU196548 KSQ196548 LCM196548 LMI196548 LWE196548 MGA196548 MPW196548 MZS196548 NJO196548 NTK196548 ODG196548 ONC196548 OWY196548 PGU196548 PQQ196548 QAM196548 QKI196548 QUE196548 REA196548 RNW196548 RXS196548 SHO196548 SRK196548 TBG196548 TLC196548 TUY196548 UEU196548 UOQ196548 UYM196548 VII196548 VSE196548 WCA196548 WLW196548 WVS196548 K262079 JG262084 TC262084 ACY262084 AMU262084 AWQ262084 BGM262084 BQI262084 CAE262084 CKA262084 CTW262084 DDS262084 DNO262084 DXK262084 EHG262084 ERC262084 FAY262084 FKU262084 FUQ262084 GEM262084 GOI262084 GYE262084 HIA262084 HRW262084 IBS262084 ILO262084 IVK262084 JFG262084 JPC262084 JYY262084 KIU262084 KSQ262084 LCM262084 LMI262084 LWE262084 MGA262084 MPW262084 MZS262084 NJO262084 NTK262084 ODG262084 ONC262084 OWY262084 PGU262084 PQQ262084 QAM262084 QKI262084 QUE262084 REA262084 RNW262084 RXS262084 SHO262084 SRK262084 TBG262084 TLC262084 TUY262084 UEU262084 UOQ262084 UYM262084 VII262084 VSE262084 WCA262084 WLW262084 WVS262084 K327615 JG327620 TC327620 ACY327620 AMU327620 AWQ327620 BGM327620 BQI327620 CAE327620 CKA327620 CTW327620 DDS327620 DNO327620 DXK327620 EHG327620 ERC327620 FAY327620 FKU327620 FUQ327620 GEM327620 GOI327620 GYE327620 HIA327620 HRW327620 IBS327620 ILO327620 IVK327620 JFG327620 JPC327620 JYY327620 KIU327620 KSQ327620 LCM327620 LMI327620 LWE327620 MGA327620 MPW327620 MZS327620 NJO327620 NTK327620 ODG327620 ONC327620 OWY327620 PGU327620 PQQ327620 QAM327620 QKI327620 QUE327620 REA327620 RNW327620 RXS327620 SHO327620 SRK327620 TBG327620 TLC327620 TUY327620 UEU327620 UOQ327620 UYM327620 VII327620 VSE327620 WCA327620 WLW327620 WVS327620 K393151 JG393156 TC393156 ACY393156 AMU393156 AWQ393156 BGM393156 BQI393156 CAE393156 CKA393156 CTW393156 DDS393156 DNO393156 DXK393156 EHG393156 ERC393156 FAY393156 FKU393156 FUQ393156 GEM393156 GOI393156 GYE393156 HIA393156 HRW393156 IBS393156 ILO393156 IVK393156 JFG393156 JPC393156 JYY393156 KIU393156 KSQ393156 LCM393156 LMI393156 LWE393156 MGA393156 MPW393156 MZS393156 NJO393156 NTK393156 ODG393156 ONC393156 OWY393156 PGU393156 PQQ393156 QAM393156 QKI393156 QUE393156 REA393156 RNW393156 RXS393156 SHO393156 SRK393156 TBG393156 TLC393156 TUY393156 UEU393156 UOQ393156 UYM393156 VII393156 VSE393156 WCA393156 WLW393156 WVS393156 K458687 JG458692 TC458692 ACY458692 AMU458692 AWQ458692 BGM458692 BQI458692 CAE458692 CKA458692 CTW458692 DDS458692 DNO458692 DXK458692 EHG458692 ERC458692 FAY458692 FKU458692 FUQ458692 GEM458692 GOI458692 GYE458692 HIA458692 HRW458692 IBS458692 ILO458692 IVK458692 JFG458692 JPC458692 JYY458692 KIU458692 KSQ458692 LCM458692 LMI458692 LWE458692 MGA458692 MPW458692 MZS458692 NJO458692 NTK458692 ODG458692 ONC458692 OWY458692 PGU458692 PQQ458692 QAM458692 QKI458692 QUE458692 REA458692 RNW458692 RXS458692 SHO458692 SRK458692 TBG458692 TLC458692 TUY458692 UEU458692 UOQ458692 UYM458692 VII458692 VSE458692 WCA458692 WLW458692 WVS458692 K524223 JG524228 TC524228 ACY524228 AMU524228 AWQ524228 BGM524228 BQI524228 CAE524228 CKA524228 CTW524228 DDS524228 DNO524228 DXK524228 EHG524228 ERC524228 FAY524228 FKU524228 FUQ524228 GEM524228 GOI524228 GYE524228 HIA524228 HRW524228 IBS524228 ILO524228 IVK524228 JFG524228 JPC524228 JYY524228 KIU524228 KSQ524228 LCM524228 LMI524228 LWE524228 MGA524228 MPW524228 MZS524228 NJO524228 NTK524228 ODG524228 ONC524228 OWY524228 PGU524228 PQQ524228 QAM524228 QKI524228 QUE524228 REA524228 RNW524228 RXS524228 SHO524228 SRK524228 TBG524228 TLC524228 TUY524228 UEU524228 UOQ524228 UYM524228 VII524228 VSE524228 WCA524228 WLW524228 WVS524228 K589759 JG589764 TC589764 ACY589764 AMU589764 AWQ589764 BGM589764 BQI589764 CAE589764 CKA589764 CTW589764 DDS589764 DNO589764 DXK589764 EHG589764 ERC589764 FAY589764 FKU589764 FUQ589764 GEM589764 GOI589764 GYE589764 HIA589764 HRW589764 IBS589764 ILO589764 IVK589764 JFG589764 JPC589764 JYY589764 KIU589764 KSQ589764 LCM589764 LMI589764 LWE589764 MGA589764 MPW589764 MZS589764 NJO589764 NTK589764 ODG589764 ONC589764 OWY589764 PGU589764 PQQ589764 QAM589764 QKI589764 QUE589764 REA589764 RNW589764 RXS589764 SHO589764 SRK589764 TBG589764 TLC589764 TUY589764 UEU589764 UOQ589764 UYM589764 VII589764 VSE589764 WCA589764 WLW589764 WVS589764 K655295 JG655300 TC655300 ACY655300 AMU655300 AWQ655300 BGM655300 BQI655300 CAE655300 CKA655300 CTW655300 DDS655300 DNO655300 DXK655300 EHG655300 ERC655300 FAY655300 FKU655300 FUQ655300 GEM655300 GOI655300 GYE655300 HIA655300 HRW655300 IBS655300 ILO655300 IVK655300 JFG655300 JPC655300 JYY655300 KIU655300 KSQ655300 LCM655300 LMI655300 LWE655300 MGA655300 MPW655300 MZS655300 NJO655300 NTK655300 ODG655300 ONC655300 OWY655300 PGU655300 PQQ655300 QAM655300 QKI655300 QUE655300 REA655300 RNW655300 RXS655300 SHO655300 SRK655300 TBG655300 TLC655300 TUY655300 UEU655300 UOQ655300 UYM655300 VII655300 VSE655300 WCA655300 WLW655300 WVS655300 K720831 JG720836 TC720836 ACY720836 AMU720836 AWQ720836 BGM720836 BQI720836 CAE720836 CKA720836 CTW720836 DDS720836 DNO720836 DXK720836 EHG720836 ERC720836 FAY720836 FKU720836 FUQ720836 GEM720836 GOI720836 GYE720836 HIA720836 HRW720836 IBS720836 ILO720836 IVK720836 JFG720836 JPC720836 JYY720836 KIU720836 KSQ720836 LCM720836 LMI720836 LWE720836 MGA720836 MPW720836 MZS720836 NJO720836 NTK720836 ODG720836 ONC720836 OWY720836 PGU720836 PQQ720836 QAM720836 QKI720836 QUE720836 REA720836 RNW720836 RXS720836 SHO720836 SRK720836 TBG720836 TLC720836 TUY720836 UEU720836 UOQ720836 UYM720836 VII720836 VSE720836 WCA720836 WLW720836 WVS720836 K786367 JG786372 TC786372 ACY786372 AMU786372 AWQ786372 BGM786372 BQI786372 CAE786372 CKA786372 CTW786372 DDS786372 DNO786372 DXK786372 EHG786372 ERC786372 FAY786372 FKU786372 FUQ786372 GEM786372 GOI786372 GYE786372 HIA786372 HRW786372 IBS786372 ILO786372 IVK786372 JFG786372 JPC786372 JYY786372 KIU786372 KSQ786372 LCM786372 LMI786372 LWE786372 MGA786372 MPW786372 MZS786372 NJO786372 NTK786372 ODG786372 ONC786372 OWY786372 PGU786372 PQQ786372 QAM786372 QKI786372 QUE786372 REA786372 RNW786372 RXS786372 SHO786372 SRK786372 TBG786372 TLC786372 TUY786372 UEU786372 UOQ786372 UYM786372 VII786372 VSE786372 WCA786372 WLW786372 WVS786372 K851903 JG851908 TC851908 ACY851908 AMU851908 AWQ851908 BGM851908 BQI851908 CAE851908 CKA851908 CTW851908 DDS851908 DNO851908 DXK851908 EHG851908 ERC851908 FAY851908 FKU851908 FUQ851908 GEM851908 GOI851908 GYE851908 HIA851908 HRW851908 IBS851908 ILO851908 IVK851908 JFG851908 JPC851908 JYY851908 KIU851908 KSQ851908 LCM851908 LMI851908 LWE851908 MGA851908 MPW851908 MZS851908 NJO851908 NTK851908 ODG851908 ONC851908 OWY851908 PGU851908 PQQ851908 QAM851908 QKI851908 QUE851908 REA851908 RNW851908 RXS851908 SHO851908 SRK851908 TBG851908 TLC851908 TUY851908 UEU851908 UOQ851908 UYM851908 VII851908 VSE851908 WCA851908 WLW851908 WVS851908 K917439 JG917444 TC917444 ACY917444 AMU917444 AWQ917444 BGM917444 BQI917444 CAE917444 CKA917444 CTW917444 DDS917444 DNO917444 DXK917444 EHG917444 ERC917444 FAY917444 FKU917444 FUQ917444 GEM917444 GOI917444 GYE917444 HIA917444 HRW917444 IBS917444 ILO917444 IVK917444 JFG917444 JPC917444 JYY917444 KIU917444 KSQ917444 LCM917444 LMI917444 LWE917444 MGA917444 MPW917444 MZS917444 NJO917444 NTK917444 ODG917444 ONC917444 OWY917444 PGU917444 PQQ917444 QAM917444 QKI917444 QUE917444 REA917444 RNW917444 RXS917444 SHO917444 SRK917444 TBG917444 TLC917444 TUY917444 UEU917444 UOQ917444 UYM917444 VII917444 VSE917444 WCA917444 WLW917444 WVS917444 K982975 JG982980 TC982980 ACY982980 AMU982980 AWQ982980 BGM982980 BQI982980 CAE982980 CKA982980 CTW982980 DDS982980 DNO982980 DXK982980 EHG982980 ERC982980 FAY982980 FKU982980 FUQ982980 GEM982980 GOI982980 GYE982980 HIA982980 HRW982980 IBS982980 ILO982980 IVK982980 JFG982980 JPC982980 JYY982980 KIU982980 KSQ982980 LCM982980 LMI982980 LWE982980 MGA982980 MPW982980 MZS982980 NJO982980 NTK982980 ODG982980 ONC982980 OWY982980 PGU982980 PQQ982980 QAM982980 QKI982980 QUE982980 REA982980 RNW982980 RXS982980 SHO982980 SRK982980 TBG982980 TLC982980 TUY982980 UEU982980 UOQ982980 UYM982980 VII982980 VSE982980 WCA982980 WLW982980 WVS982980 A65453:A65455 IW65455:IW65457 SS65455:SS65457 ACO65455:ACO65457 AMK65455:AMK65457 AWG65455:AWG65457 BGC65455:BGC65457 BPY65455:BPY65457 BZU65455:BZU65457 CJQ65455:CJQ65457 CTM65455:CTM65457 DDI65455:DDI65457 DNE65455:DNE65457 DXA65455:DXA65457 EGW65455:EGW65457 EQS65455:EQS65457 FAO65455:FAO65457 FKK65455:FKK65457 FUG65455:FUG65457 GEC65455:GEC65457 GNY65455:GNY65457 GXU65455:GXU65457 HHQ65455:HHQ65457 HRM65455:HRM65457 IBI65455:IBI65457 ILE65455:ILE65457 IVA65455:IVA65457 JEW65455:JEW65457 JOS65455:JOS65457 JYO65455:JYO65457 KIK65455:KIK65457 KSG65455:KSG65457 LCC65455:LCC65457 LLY65455:LLY65457 LVU65455:LVU65457 MFQ65455:MFQ65457 MPM65455:MPM65457 MZI65455:MZI65457 NJE65455:NJE65457 NTA65455:NTA65457 OCW65455:OCW65457 OMS65455:OMS65457 OWO65455:OWO65457 PGK65455:PGK65457 PQG65455:PQG65457 QAC65455:QAC65457 QJY65455:QJY65457 QTU65455:QTU65457 RDQ65455:RDQ65457 RNM65455:RNM65457 RXI65455:RXI65457 SHE65455:SHE65457 SRA65455:SRA65457 TAW65455:TAW65457 TKS65455:TKS65457 TUO65455:TUO65457 UEK65455:UEK65457 UOG65455:UOG65457 UYC65455:UYC65457 VHY65455:VHY65457 VRU65455:VRU65457 WBQ65455:WBQ65457 WLM65455:WLM65457 WVI65455:WVI65457 A130989:A130991 IW130991:IW130993 SS130991:SS130993 ACO130991:ACO130993 AMK130991:AMK130993 AWG130991:AWG130993 BGC130991:BGC130993 BPY130991:BPY130993 BZU130991:BZU130993 CJQ130991:CJQ130993 CTM130991:CTM130993 DDI130991:DDI130993 DNE130991:DNE130993 DXA130991:DXA130993 EGW130991:EGW130993 EQS130991:EQS130993 FAO130991:FAO130993 FKK130991:FKK130993 FUG130991:FUG130993 GEC130991:GEC130993 GNY130991:GNY130993 GXU130991:GXU130993 HHQ130991:HHQ130993 HRM130991:HRM130993 IBI130991:IBI130993 ILE130991:ILE130993 IVA130991:IVA130993 JEW130991:JEW130993 JOS130991:JOS130993 JYO130991:JYO130993 KIK130991:KIK130993 KSG130991:KSG130993 LCC130991:LCC130993 LLY130991:LLY130993 LVU130991:LVU130993 MFQ130991:MFQ130993 MPM130991:MPM130993 MZI130991:MZI130993 NJE130991:NJE130993 NTA130991:NTA130993 OCW130991:OCW130993 OMS130991:OMS130993 OWO130991:OWO130993 PGK130991:PGK130993 PQG130991:PQG130993 QAC130991:QAC130993 QJY130991:QJY130993 QTU130991:QTU130993 RDQ130991:RDQ130993 RNM130991:RNM130993 RXI130991:RXI130993 SHE130991:SHE130993 SRA130991:SRA130993 TAW130991:TAW130993 TKS130991:TKS130993 TUO130991:TUO130993 UEK130991:UEK130993 UOG130991:UOG130993 UYC130991:UYC130993 VHY130991:VHY130993 VRU130991:VRU130993 WBQ130991:WBQ130993 WLM130991:WLM130993 WVI130991:WVI130993 A196525:A196527 IW196527:IW196529 SS196527:SS196529 ACO196527:ACO196529 AMK196527:AMK196529 AWG196527:AWG196529 BGC196527:BGC196529 BPY196527:BPY196529 BZU196527:BZU196529 CJQ196527:CJQ196529 CTM196527:CTM196529 DDI196527:DDI196529 DNE196527:DNE196529 DXA196527:DXA196529 EGW196527:EGW196529 EQS196527:EQS196529 FAO196527:FAO196529 FKK196527:FKK196529 FUG196527:FUG196529 GEC196527:GEC196529 GNY196527:GNY196529 GXU196527:GXU196529 HHQ196527:HHQ196529 HRM196527:HRM196529 IBI196527:IBI196529 ILE196527:ILE196529 IVA196527:IVA196529 JEW196527:JEW196529 JOS196527:JOS196529 JYO196527:JYO196529 KIK196527:KIK196529 KSG196527:KSG196529 LCC196527:LCC196529 LLY196527:LLY196529 LVU196527:LVU196529 MFQ196527:MFQ196529 MPM196527:MPM196529 MZI196527:MZI196529 NJE196527:NJE196529 NTA196527:NTA196529 OCW196527:OCW196529 OMS196527:OMS196529 OWO196527:OWO196529 PGK196527:PGK196529 PQG196527:PQG196529 QAC196527:QAC196529 QJY196527:QJY196529 QTU196527:QTU196529 RDQ196527:RDQ196529 RNM196527:RNM196529 RXI196527:RXI196529 SHE196527:SHE196529 SRA196527:SRA196529 TAW196527:TAW196529 TKS196527:TKS196529 TUO196527:TUO196529 UEK196527:UEK196529 UOG196527:UOG196529 UYC196527:UYC196529 VHY196527:VHY196529 VRU196527:VRU196529 WBQ196527:WBQ196529 WLM196527:WLM196529 WVI196527:WVI196529 A262061:A262063 IW262063:IW262065 SS262063:SS262065 ACO262063:ACO262065 AMK262063:AMK262065 AWG262063:AWG262065 BGC262063:BGC262065 BPY262063:BPY262065 BZU262063:BZU262065 CJQ262063:CJQ262065 CTM262063:CTM262065 DDI262063:DDI262065 DNE262063:DNE262065 DXA262063:DXA262065 EGW262063:EGW262065 EQS262063:EQS262065 FAO262063:FAO262065 FKK262063:FKK262065 FUG262063:FUG262065 GEC262063:GEC262065 GNY262063:GNY262065 GXU262063:GXU262065 HHQ262063:HHQ262065 HRM262063:HRM262065 IBI262063:IBI262065 ILE262063:ILE262065 IVA262063:IVA262065 JEW262063:JEW262065 JOS262063:JOS262065 JYO262063:JYO262065 KIK262063:KIK262065 KSG262063:KSG262065 LCC262063:LCC262065 LLY262063:LLY262065 LVU262063:LVU262065 MFQ262063:MFQ262065 MPM262063:MPM262065 MZI262063:MZI262065 NJE262063:NJE262065 NTA262063:NTA262065 OCW262063:OCW262065 OMS262063:OMS262065 OWO262063:OWO262065 PGK262063:PGK262065 PQG262063:PQG262065 QAC262063:QAC262065 QJY262063:QJY262065 QTU262063:QTU262065 RDQ262063:RDQ262065 RNM262063:RNM262065 RXI262063:RXI262065 SHE262063:SHE262065 SRA262063:SRA262065 TAW262063:TAW262065 TKS262063:TKS262065 TUO262063:TUO262065 UEK262063:UEK262065 UOG262063:UOG262065 UYC262063:UYC262065 VHY262063:VHY262065 VRU262063:VRU262065 WBQ262063:WBQ262065 WLM262063:WLM262065 WVI262063:WVI262065 A327597:A327599 IW327599:IW327601 SS327599:SS327601 ACO327599:ACO327601 AMK327599:AMK327601 AWG327599:AWG327601 BGC327599:BGC327601 BPY327599:BPY327601 BZU327599:BZU327601 CJQ327599:CJQ327601 CTM327599:CTM327601 DDI327599:DDI327601 DNE327599:DNE327601 DXA327599:DXA327601 EGW327599:EGW327601 EQS327599:EQS327601 FAO327599:FAO327601 FKK327599:FKK327601 FUG327599:FUG327601 GEC327599:GEC327601 GNY327599:GNY327601 GXU327599:GXU327601 HHQ327599:HHQ327601 HRM327599:HRM327601 IBI327599:IBI327601 ILE327599:ILE327601 IVA327599:IVA327601 JEW327599:JEW327601 JOS327599:JOS327601 JYO327599:JYO327601 KIK327599:KIK327601 KSG327599:KSG327601 LCC327599:LCC327601 LLY327599:LLY327601 LVU327599:LVU327601 MFQ327599:MFQ327601 MPM327599:MPM327601 MZI327599:MZI327601 NJE327599:NJE327601 NTA327599:NTA327601 OCW327599:OCW327601 OMS327599:OMS327601 OWO327599:OWO327601 PGK327599:PGK327601 PQG327599:PQG327601 QAC327599:QAC327601 QJY327599:QJY327601 QTU327599:QTU327601 RDQ327599:RDQ327601 RNM327599:RNM327601 RXI327599:RXI327601 SHE327599:SHE327601 SRA327599:SRA327601 TAW327599:TAW327601 TKS327599:TKS327601 TUO327599:TUO327601 UEK327599:UEK327601 UOG327599:UOG327601 UYC327599:UYC327601 VHY327599:VHY327601 VRU327599:VRU327601 WBQ327599:WBQ327601 WLM327599:WLM327601 WVI327599:WVI327601 A393133:A393135 IW393135:IW393137 SS393135:SS393137 ACO393135:ACO393137 AMK393135:AMK393137 AWG393135:AWG393137 BGC393135:BGC393137 BPY393135:BPY393137 BZU393135:BZU393137 CJQ393135:CJQ393137 CTM393135:CTM393137 DDI393135:DDI393137 DNE393135:DNE393137 DXA393135:DXA393137 EGW393135:EGW393137 EQS393135:EQS393137 FAO393135:FAO393137 FKK393135:FKK393137 FUG393135:FUG393137 GEC393135:GEC393137 GNY393135:GNY393137 GXU393135:GXU393137 HHQ393135:HHQ393137 HRM393135:HRM393137 IBI393135:IBI393137 ILE393135:ILE393137 IVA393135:IVA393137 JEW393135:JEW393137 JOS393135:JOS393137 JYO393135:JYO393137 KIK393135:KIK393137 KSG393135:KSG393137 LCC393135:LCC393137 LLY393135:LLY393137 LVU393135:LVU393137 MFQ393135:MFQ393137 MPM393135:MPM393137 MZI393135:MZI393137 NJE393135:NJE393137 NTA393135:NTA393137 OCW393135:OCW393137 OMS393135:OMS393137 OWO393135:OWO393137 PGK393135:PGK393137 PQG393135:PQG393137 QAC393135:QAC393137 QJY393135:QJY393137 QTU393135:QTU393137 RDQ393135:RDQ393137 RNM393135:RNM393137 RXI393135:RXI393137 SHE393135:SHE393137 SRA393135:SRA393137 TAW393135:TAW393137 TKS393135:TKS393137 TUO393135:TUO393137 UEK393135:UEK393137 UOG393135:UOG393137 UYC393135:UYC393137 VHY393135:VHY393137 VRU393135:VRU393137 WBQ393135:WBQ393137 WLM393135:WLM393137 WVI393135:WVI393137 A458669:A458671 IW458671:IW458673 SS458671:SS458673 ACO458671:ACO458673 AMK458671:AMK458673 AWG458671:AWG458673 BGC458671:BGC458673 BPY458671:BPY458673 BZU458671:BZU458673 CJQ458671:CJQ458673 CTM458671:CTM458673 DDI458671:DDI458673 DNE458671:DNE458673 DXA458671:DXA458673 EGW458671:EGW458673 EQS458671:EQS458673 FAO458671:FAO458673 FKK458671:FKK458673 FUG458671:FUG458673 GEC458671:GEC458673 GNY458671:GNY458673 GXU458671:GXU458673 HHQ458671:HHQ458673 HRM458671:HRM458673 IBI458671:IBI458673 ILE458671:ILE458673 IVA458671:IVA458673 JEW458671:JEW458673 JOS458671:JOS458673 JYO458671:JYO458673 KIK458671:KIK458673 KSG458671:KSG458673 LCC458671:LCC458673 LLY458671:LLY458673 LVU458671:LVU458673 MFQ458671:MFQ458673 MPM458671:MPM458673 MZI458671:MZI458673 NJE458671:NJE458673 NTA458671:NTA458673 OCW458671:OCW458673 OMS458671:OMS458673 OWO458671:OWO458673 PGK458671:PGK458673 PQG458671:PQG458673 QAC458671:QAC458673 QJY458671:QJY458673 QTU458671:QTU458673 RDQ458671:RDQ458673 RNM458671:RNM458673 RXI458671:RXI458673 SHE458671:SHE458673 SRA458671:SRA458673 TAW458671:TAW458673 TKS458671:TKS458673 TUO458671:TUO458673 UEK458671:UEK458673 UOG458671:UOG458673 UYC458671:UYC458673 VHY458671:VHY458673 VRU458671:VRU458673 WBQ458671:WBQ458673 WLM458671:WLM458673 WVI458671:WVI458673 A524205:A524207 IW524207:IW524209 SS524207:SS524209 ACO524207:ACO524209 AMK524207:AMK524209 AWG524207:AWG524209 BGC524207:BGC524209 BPY524207:BPY524209 BZU524207:BZU524209 CJQ524207:CJQ524209 CTM524207:CTM524209 DDI524207:DDI524209 DNE524207:DNE524209 DXA524207:DXA524209 EGW524207:EGW524209 EQS524207:EQS524209 FAO524207:FAO524209 FKK524207:FKK524209 FUG524207:FUG524209 GEC524207:GEC524209 GNY524207:GNY524209 GXU524207:GXU524209 HHQ524207:HHQ524209 HRM524207:HRM524209 IBI524207:IBI524209 ILE524207:ILE524209 IVA524207:IVA524209 JEW524207:JEW524209 JOS524207:JOS524209 JYO524207:JYO524209 KIK524207:KIK524209 KSG524207:KSG524209 LCC524207:LCC524209 LLY524207:LLY524209 LVU524207:LVU524209 MFQ524207:MFQ524209 MPM524207:MPM524209 MZI524207:MZI524209 NJE524207:NJE524209 NTA524207:NTA524209 OCW524207:OCW524209 OMS524207:OMS524209 OWO524207:OWO524209 PGK524207:PGK524209 PQG524207:PQG524209 QAC524207:QAC524209 QJY524207:QJY524209 QTU524207:QTU524209 RDQ524207:RDQ524209 RNM524207:RNM524209 RXI524207:RXI524209 SHE524207:SHE524209 SRA524207:SRA524209 TAW524207:TAW524209 TKS524207:TKS524209 TUO524207:TUO524209 UEK524207:UEK524209 UOG524207:UOG524209 UYC524207:UYC524209 VHY524207:VHY524209 VRU524207:VRU524209 WBQ524207:WBQ524209 WLM524207:WLM524209 WVI524207:WVI524209 A589741:A589743 IW589743:IW589745 SS589743:SS589745 ACO589743:ACO589745 AMK589743:AMK589745 AWG589743:AWG589745 BGC589743:BGC589745 BPY589743:BPY589745 BZU589743:BZU589745 CJQ589743:CJQ589745 CTM589743:CTM589745 DDI589743:DDI589745 DNE589743:DNE589745 DXA589743:DXA589745 EGW589743:EGW589745 EQS589743:EQS589745 FAO589743:FAO589745 FKK589743:FKK589745 FUG589743:FUG589745 GEC589743:GEC589745 GNY589743:GNY589745 GXU589743:GXU589745 HHQ589743:HHQ589745 HRM589743:HRM589745 IBI589743:IBI589745 ILE589743:ILE589745 IVA589743:IVA589745 JEW589743:JEW589745 JOS589743:JOS589745 JYO589743:JYO589745 KIK589743:KIK589745 KSG589743:KSG589745 LCC589743:LCC589745 LLY589743:LLY589745 LVU589743:LVU589745 MFQ589743:MFQ589745 MPM589743:MPM589745 MZI589743:MZI589745 NJE589743:NJE589745 NTA589743:NTA589745 OCW589743:OCW589745 OMS589743:OMS589745 OWO589743:OWO589745 PGK589743:PGK589745 PQG589743:PQG589745 QAC589743:QAC589745 QJY589743:QJY589745 QTU589743:QTU589745 RDQ589743:RDQ589745 RNM589743:RNM589745 RXI589743:RXI589745 SHE589743:SHE589745 SRA589743:SRA589745 TAW589743:TAW589745 TKS589743:TKS589745 TUO589743:TUO589745 UEK589743:UEK589745 UOG589743:UOG589745 UYC589743:UYC589745 VHY589743:VHY589745 VRU589743:VRU589745 WBQ589743:WBQ589745 WLM589743:WLM589745 WVI589743:WVI589745 A655277:A655279 IW655279:IW655281 SS655279:SS655281 ACO655279:ACO655281 AMK655279:AMK655281 AWG655279:AWG655281 BGC655279:BGC655281 BPY655279:BPY655281 BZU655279:BZU655281 CJQ655279:CJQ655281 CTM655279:CTM655281 DDI655279:DDI655281 DNE655279:DNE655281 DXA655279:DXA655281 EGW655279:EGW655281 EQS655279:EQS655281 FAO655279:FAO655281 FKK655279:FKK655281 FUG655279:FUG655281 GEC655279:GEC655281 GNY655279:GNY655281 GXU655279:GXU655281 HHQ655279:HHQ655281 HRM655279:HRM655281 IBI655279:IBI655281 ILE655279:ILE655281 IVA655279:IVA655281 JEW655279:JEW655281 JOS655279:JOS655281 JYO655279:JYO655281 KIK655279:KIK655281 KSG655279:KSG655281 LCC655279:LCC655281 LLY655279:LLY655281 LVU655279:LVU655281 MFQ655279:MFQ655281 MPM655279:MPM655281 MZI655279:MZI655281 NJE655279:NJE655281 NTA655279:NTA655281 OCW655279:OCW655281 OMS655279:OMS655281 OWO655279:OWO655281 PGK655279:PGK655281 PQG655279:PQG655281 QAC655279:QAC655281 QJY655279:QJY655281 QTU655279:QTU655281 RDQ655279:RDQ655281 RNM655279:RNM655281 RXI655279:RXI655281 SHE655279:SHE655281 SRA655279:SRA655281 TAW655279:TAW655281 TKS655279:TKS655281 TUO655279:TUO655281 UEK655279:UEK655281 UOG655279:UOG655281 UYC655279:UYC655281 VHY655279:VHY655281 VRU655279:VRU655281 WBQ655279:WBQ655281 WLM655279:WLM655281 WVI655279:WVI655281 A720813:A720815 IW720815:IW720817 SS720815:SS720817 ACO720815:ACO720817 AMK720815:AMK720817 AWG720815:AWG720817 BGC720815:BGC720817 BPY720815:BPY720817 BZU720815:BZU720817 CJQ720815:CJQ720817 CTM720815:CTM720817 DDI720815:DDI720817 DNE720815:DNE720817 DXA720815:DXA720817 EGW720815:EGW720817 EQS720815:EQS720817 FAO720815:FAO720817 FKK720815:FKK720817 FUG720815:FUG720817 GEC720815:GEC720817 GNY720815:GNY720817 GXU720815:GXU720817 HHQ720815:HHQ720817 HRM720815:HRM720817 IBI720815:IBI720817 ILE720815:ILE720817 IVA720815:IVA720817 JEW720815:JEW720817 JOS720815:JOS720817 JYO720815:JYO720817 KIK720815:KIK720817 KSG720815:KSG720817 LCC720815:LCC720817 LLY720815:LLY720817 LVU720815:LVU720817 MFQ720815:MFQ720817 MPM720815:MPM720817 MZI720815:MZI720817 NJE720815:NJE720817 NTA720815:NTA720817 OCW720815:OCW720817 OMS720815:OMS720817 OWO720815:OWO720817 PGK720815:PGK720817 PQG720815:PQG720817 QAC720815:QAC720817 QJY720815:QJY720817 QTU720815:QTU720817 RDQ720815:RDQ720817 RNM720815:RNM720817 RXI720815:RXI720817 SHE720815:SHE720817 SRA720815:SRA720817 TAW720815:TAW720817 TKS720815:TKS720817 TUO720815:TUO720817 UEK720815:UEK720817 UOG720815:UOG720817 UYC720815:UYC720817 VHY720815:VHY720817 VRU720815:VRU720817 WBQ720815:WBQ720817 WLM720815:WLM720817 WVI720815:WVI720817 A786349:A786351 IW786351:IW786353 SS786351:SS786353 ACO786351:ACO786353 AMK786351:AMK786353 AWG786351:AWG786353 BGC786351:BGC786353 BPY786351:BPY786353 BZU786351:BZU786353 CJQ786351:CJQ786353 CTM786351:CTM786353 DDI786351:DDI786353 DNE786351:DNE786353 DXA786351:DXA786353 EGW786351:EGW786353 EQS786351:EQS786353 FAO786351:FAO786353 FKK786351:FKK786353 FUG786351:FUG786353 GEC786351:GEC786353 GNY786351:GNY786353 GXU786351:GXU786353 HHQ786351:HHQ786353 HRM786351:HRM786353 IBI786351:IBI786353 ILE786351:ILE786353 IVA786351:IVA786353 JEW786351:JEW786353 JOS786351:JOS786353 JYO786351:JYO786353 KIK786351:KIK786353 KSG786351:KSG786353 LCC786351:LCC786353 LLY786351:LLY786353 LVU786351:LVU786353 MFQ786351:MFQ786353 MPM786351:MPM786353 MZI786351:MZI786353 NJE786351:NJE786353 NTA786351:NTA786353 OCW786351:OCW786353 OMS786351:OMS786353 OWO786351:OWO786353 PGK786351:PGK786353 PQG786351:PQG786353 QAC786351:QAC786353 QJY786351:QJY786353 QTU786351:QTU786353 RDQ786351:RDQ786353 RNM786351:RNM786353 RXI786351:RXI786353 SHE786351:SHE786353 SRA786351:SRA786353 TAW786351:TAW786353 TKS786351:TKS786353 TUO786351:TUO786353 UEK786351:UEK786353 UOG786351:UOG786353 UYC786351:UYC786353 VHY786351:VHY786353 VRU786351:VRU786353 WBQ786351:WBQ786353 WLM786351:WLM786353 WVI786351:WVI786353 A851885:A851887 IW851887:IW851889 SS851887:SS851889 ACO851887:ACO851889 AMK851887:AMK851889 AWG851887:AWG851889 BGC851887:BGC851889 BPY851887:BPY851889 BZU851887:BZU851889 CJQ851887:CJQ851889 CTM851887:CTM851889 DDI851887:DDI851889 DNE851887:DNE851889 DXA851887:DXA851889 EGW851887:EGW851889 EQS851887:EQS851889 FAO851887:FAO851889 FKK851887:FKK851889 FUG851887:FUG851889 GEC851887:GEC851889 GNY851887:GNY851889 GXU851887:GXU851889 HHQ851887:HHQ851889 HRM851887:HRM851889 IBI851887:IBI851889 ILE851887:ILE851889 IVA851887:IVA851889 JEW851887:JEW851889 JOS851887:JOS851889 JYO851887:JYO851889 KIK851887:KIK851889 KSG851887:KSG851889 LCC851887:LCC851889 LLY851887:LLY851889 LVU851887:LVU851889 MFQ851887:MFQ851889 MPM851887:MPM851889 MZI851887:MZI851889 NJE851887:NJE851889 NTA851887:NTA851889 OCW851887:OCW851889 OMS851887:OMS851889 OWO851887:OWO851889 PGK851887:PGK851889 PQG851887:PQG851889 QAC851887:QAC851889 QJY851887:QJY851889 QTU851887:QTU851889 RDQ851887:RDQ851889 RNM851887:RNM851889 RXI851887:RXI851889 SHE851887:SHE851889 SRA851887:SRA851889 TAW851887:TAW851889 TKS851887:TKS851889 TUO851887:TUO851889 UEK851887:UEK851889 UOG851887:UOG851889 UYC851887:UYC851889 VHY851887:VHY851889 VRU851887:VRU851889 WBQ851887:WBQ851889 WLM851887:WLM851889 WVI851887:WVI851889 A917421:A917423 IW917423:IW917425 SS917423:SS917425 ACO917423:ACO917425 AMK917423:AMK917425 AWG917423:AWG917425 BGC917423:BGC917425 BPY917423:BPY917425 BZU917423:BZU917425 CJQ917423:CJQ917425 CTM917423:CTM917425 DDI917423:DDI917425 DNE917423:DNE917425 DXA917423:DXA917425 EGW917423:EGW917425 EQS917423:EQS917425 FAO917423:FAO917425 FKK917423:FKK917425 FUG917423:FUG917425 GEC917423:GEC917425 GNY917423:GNY917425 GXU917423:GXU917425 HHQ917423:HHQ917425 HRM917423:HRM917425 IBI917423:IBI917425 ILE917423:ILE917425 IVA917423:IVA917425 JEW917423:JEW917425 JOS917423:JOS917425 JYO917423:JYO917425 KIK917423:KIK917425 KSG917423:KSG917425 LCC917423:LCC917425 LLY917423:LLY917425 LVU917423:LVU917425 MFQ917423:MFQ917425 MPM917423:MPM917425 MZI917423:MZI917425 NJE917423:NJE917425 NTA917423:NTA917425 OCW917423:OCW917425 OMS917423:OMS917425 OWO917423:OWO917425 PGK917423:PGK917425 PQG917423:PQG917425 QAC917423:QAC917425 QJY917423:QJY917425 QTU917423:QTU917425 RDQ917423:RDQ917425 RNM917423:RNM917425 RXI917423:RXI917425 SHE917423:SHE917425 SRA917423:SRA917425 TAW917423:TAW917425 TKS917423:TKS917425 TUO917423:TUO917425 UEK917423:UEK917425 UOG917423:UOG917425 UYC917423:UYC917425 VHY917423:VHY917425 VRU917423:VRU917425 WBQ917423:WBQ917425 WLM917423:WLM917425 WVI917423:WVI917425 A982957:A982959 IW982959:IW982961 SS982959:SS982961 ACO982959:ACO982961 AMK982959:AMK982961 AWG982959:AWG982961 BGC982959:BGC982961 BPY982959:BPY982961 BZU982959:BZU982961 CJQ982959:CJQ982961 CTM982959:CTM982961 DDI982959:DDI982961 DNE982959:DNE982961 DXA982959:DXA982961 EGW982959:EGW982961 EQS982959:EQS982961 FAO982959:FAO982961 FKK982959:FKK982961 FUG982959:FUG982961 GEC982959:GEC982961 GNY982959:GNY982961 GXU982959:GXU982961 HHQ982959:HHQ982961 HRM982959:HRM982961 IBI982959:IBI982961 ILE982959:ILE982961 IVA982959:IVA982961 JEW982959:JEW982961 JOS982959:JOS982961 JYO982959:JYO982961 KIK982959:KIK982961 KSG982959:KSG982961 LCC982959:LCC982961 LLY982959:LLY982961 LVU982959:LVU982961 MFQ982959:MFQ982961 MPM982959:MPM982961 MZI982959:MZI982961 NJE982959:NJE982961 NTA982959:NTA982961 OCW982959:OCW982961 OMS982959:OMS982961 OWO982959:OWO982961 PGK982959:PGK982961 PQG982959:PQG982961 QAC982959:QAC982961 QJY982959:QJY982961 QTU982959:QTU982961 RDQ982959:RDQ982961 RNM982959:RNM982961 RXI982959:RXI982961 SHE982959:SHE982961 SRA982959:SRA982961 TAW982959:TAW982961 TKS982959:TKS982961 TUO982959:TUO982961 UEK982959:UEK982961 UOG982959:UOG982961 UYC982959:UYC982961 VHY982959:VHY982961 VRU982959:VRU982961 WBQ982959:WBQ982961 WLM982959:WLM982961 WVI982959:WVI982961 IW17:IW18 SS17:SS18 ACO17:ACO18 AMK17:AMK18 AWG17:AWG18 BGC17:BGC18 BPY17:BPY18 BZU17:BZU18 CJQ17:CJQ18 CTM17:CTM18 DDI17:DDI18 DNE17:DNE18 DXA17:DXA18 EGW17:EGW18 EQS17:EQS18 FAO17:FAO18 FKK17:FKK18 FUG17:FUG18 GEC17:GEC18 GNY17:GNY18 GXU17:GXU18 HHQ17:HHQ18 HRM17:HRM18 IBI17:IBI18 ILE17:ILE18 IVA17:IVA18 JEW17:JEW18 JOS17:JOS18 JYO17:JYO18 KIK17:KIK18 KSG17:KSG18 LCC17:LCC18 LLY17:LLY18 LVU17:LVU18 MFQ17:MFQ18 MPM17:MPM18 MZI17:MZI18 NJE17:NJE18 NTA17:NTA18 OCW17:OCW18 OMS17:OMS18 OWO17:OWO18 PGK17:PGK18 PQG17:PQG18 QAC17:QAC18 QJY17:QJY18 QTU17:QTU18 RDQ17:RDQ18 RNM17:RNM18 RXI17:RXI18 SHE17:SHE18 SRA17:SRA18 TAW17:TAW18 TKS17:TKS18 TUO17:TUO18 UEK17:UEK18 UOG17:UOG18 UYC17:UYC18 VHY17:VHY18 VRU17:VRU18 WBQ17:WBQ18 WLM17:WLM18 WVI17:WVI18 A17:A18"/>
  </dataValidations>
  <pageMargins left="0.70866141732283472" right="0.70866141732283472" top="0.74803149606299213" bottom="0.74803149606299213" header="0.31496062992125984" footer="0.31496062992125984"/>
  <pageSetup paperSize="9" orientation="portrait" r:id="rId1"/>
  <headerFooter>
    <oddHeader>&amp;A</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受領委任】申請書</vt:lpstr>
      <vt:lpstr>【受領委任】申請書裏面</vt:lpstr>
      <vt:lpstr>【受領委任】申請書!Print_Area</vt:lpstr>
      <vt:lpstr>【受領委任】申請書裏面!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230.日和山　貴礼</dc:creator>
  <cp:lastModifiedBy>0230.日和山　貴礼</cp:lastModifiedBy>
  <cp:lastPrinted>2022-03-09T02:23:30Z</cp:lastPrinted>
  <dcterms:created xsi:type="dcterms:W3CDTF">2021-10-14T05:27:04Z</dcterms:created>
  <dcterms:modified xsi:type="dcterms:W3CDTF">2022-03-17T08:06:21Z</dcterms:modified>
</cp:coreProperties>
</file>